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charts/chart13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charts/chart14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charts/chart15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charts/chart16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charts/chart1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harts/chart18.xml" ContentType="application/vnd.openxmlformats-officedocument.drawingml.chart+xml"/>
  <Override PartName="/xl/charts/style18.xml" ContentType="application/vnd.ms-office.chartstyle+xml"/>
  <Override PartName="/xl/charts/colors18.xml" ContentType="application/vnd.ms-office.chartcolorsty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Post Hearing DRs\Staff\"/>
    </mc:Choice>
  </mc:AlternateContent>
  <bookViews>
    <workbookView xWindow="0" yWindow="0" windowWidth="19950" windowHeight="11745"/>
  </bookViews>
  <sheets>
    <sheet name="Summary" sheetId="3" r:id="rId1"/>
    <sheet name="Graphs" sheetId="4" r:id="rId2"/>
  </sheets>
  <calcPr calcId="162913" iterate="1"/>
</workbook>
</file>

<file path=xl/sharedStrings.xml><?xml version="1.0" encoding="utf-8"?>
<sst xmlns="http://schemas.openxmlformats.org/spreadsheetml/2006/main" count="52" uniqueCount="52">
  <si>
    <t>Oct - 2019</t>
  </si>
  <si>
    <t>Nov - 2019</t>
  </si>
  <si>
    <t>Dec - 2019</t>
  </si>
  <si>
    <t>Jan - 2020</t>
  </si>
  <si>
    <t>Feb - 2020</t>
  </si>
  <si>
    <t>Mar - 2020</t>
  </si>
  <si>
    <t>Apr - 2020</t>
  </si>
  <si>
    <t>May - 2020</t>
  </si>
  <si>
    <t>Jun - 2020</t>
  </si>
  <si>
    <t>Jul - 2020</t>
  </si>
  <si>
    <t>Aug - 2020</t>
  </si>
  <si>
    <t>Sep - 2020</t>
  </si>
  <si>
    <t>Oct - 2020</t>
  </si>
  <si>
    <t>Apr - 2019</t>
  </si>
  <si>
    <t>May - 2019</t>
  </si>
  <si>
    <t>Jun - 2019</t>
  </si>
  <si>
    <t>Jul - 2019</t>
  </si>
  <si>
    <t>Aug - 2019</t>
  </si>
  <si>
    <t>Sep - 2019</t>
  </si>
  <si>
    <t>151 - 300</t>
  </si>
  <si>
    <t>301 - 450</t>
  </si>
  <si>
    <t>451 - 600</t>
  </si>
  <si>
    <t>601- 750</t>
  </si>
  <si>
    <t>Up to 150</t>
  </si>
  <si>
    <t>751 - 900</t>
  </si>
  <si>
    <t>901 -1050</t>
  </si>
  <si>
    <t>1051 - 1200</t>
  </si>
  <si>
    <t>1201 - 1350</t>
  </si>
  <si>
    <t>1351 - 1500</t>
  </si>
  <si>
    <t>1501 - 1650</t>
  </si>
  <si>
    <t>1651 - 1800</t>
  </si>
  <si>
    <t>1801 - 1950</t>
  </si>
  <si>
    <t>1951 - 2100</t>
  </si>
  <si>
    <t>2101 - 2250</t>
  </si>
  <si>
    <t>2251 - 2400</t>
  </si>
  <si>
    <t>2401 - 2550</t>
  </si>
  <si>
    <t>2550 - 2700</t>
  </si>
  <si>
    <t>2700 - 2850</t>
  </si>
  <si>
    <t>2851 - 3000</t>
  </si>
  <si>
    <t>3001 - 3150</t>
  </si>
  <si>
    <t>3151 - 3300</t>
  </si>
  <si>
    <t>3301 - 3450</t>
  </si>
  <si>
    <t>3451 - 3600</t>
  </si>
  <si>
    <t>3601 - 3750</t>
  </si>
  <si>
    <t>3751 - 3900</t>
  </si>
  <si>
    <t>3901 - 4050</t>
  </si>
  <si>
    <t>4051 - 4200</t>
  </si>
  <si>
    <t>4201 - 4350</t>
  </si>
  <si>
    <t>4351 - 4500</t>
  </si>
  <si>
    <t>Over 4500</t>
  </si>
  <si>
    <t>kWh</t>
  </si>
  <si>
    <t>KPCO Residential Summary Bill Distribution - Test Year Forwar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indexed="8"/>
      <name val="Calibri"/>
      <family val="2"/>
      <scheme val="minor"/>
    </font>
    <font>
      <sz val="9"/>
      <name val="Calibri"/>
    </font>
    <font>
      <b/>
      <sz val="11"/>
      <color indexed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medium">
        <color indexed="8"/>
      </bottom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1" xfId="0" applyFont="1" applyBorder="1" applyAlignment="1">
      <alignment horizontal="center" vertical="center" wrapText="1"/>
    </xf>
    <xf numFmtId="0" fontId="2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D$3</c:f>
              <c:strCache>
                <c:ptCount val="1"/>
                <c:pt idx="0">
                  <c:v>Jun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D$4:$D$34</c:f>
              <c:numCache>
                <c:formatCode>General</c:formatCode>
                <c:ptCount val="31"/>
                <c:pt idx="0">
                  <c:v>9116</c:v>
                </c:pt>
                <c:pt idx="1">
                  <c:v>7261</c:v>
                </c:pt>
                <c:pt idx="2">
                  <c:v>9713</c:v>
                </c:pt>
                <c:pt idx="3">
                  <c:v>11897</c:v>
                </c:pt>
                <c:pt idx="4">
                  <c:v>13500</c:v>
                </c:pt>
                <c:pt idx="5">
                  <c:v>14240</c:v>
                </c:pt>
                <c:pt idx="6">
                  <c:v>13416</c:v>
                </c:pt>
                <c:pt idx="7">
                  <c:v>11855</c:v>
                </c:pt>
                <c:pt idx="8">
                  <c:v>9917</c:v>
                </c:pt>
                <c:pt idx="9">
                  <c:v>7839</c:v>
                </c:pt>
                <c:pt idx="10">
                  <c:v>5904</c:v>
                </c:pt>
                <c:pt idx="11">
                  <c:v>4485</c:v>
                </c:pt>
                <c:pt idx="12">
                  <c:v>3385</c:v>
                </c:pt>
                <c:pt idx="13">
                  <c:v>2549</c:v>
                </c:pt>
                <c:pt idx="14">
                  <c:v>1897</c:v>
                </c:pt>
                <c:pt idx="15">
                  <c:v>1364</c:v>
                </c:pt>
                <c:pt idx="16">
                  <c:v>1057</c:v>
                </c:pt>
                <c:pt idx="17">
                  <c:v>761</c:v>
                </c:pt>
                <c:pt idx="18">
                  <c:v>571</c:v>
                </c:pt>
                <c:pt idx="19">
                  <c:v>432</c:v>
                </c:pt>
                <c:pt idx="20">
                  <c:v>302</c:v>
                </c:pt>
                <c:pt idx="21">
                  <c:v>227</c:v>
                </c:pt>
                <c:pt idx="22">
                  <c:v>151</c:v>
                </c:pt>
                <c:pt idx="23">
                  <c:v>139</c:v>
                </c:pt>
                <c:pt idx="24">
                  <c:v>118</c:v>
                </c:pt>
                <c:pt idx="25">
                  <c:v>100</c:v>
                </c:pt>
                <c:pt idx="26">
                  <c:v>79</c:v>
                </c:pt>
                <c:pt idx="27">
                  <c:v>55</c:v>
                </c:pt>
                <c:pt idx="28">
                  <c:v>49</c:v>
                </c:pt>
                <c:pt idx="29">
                  <c:v>43</c:v>
                </c:pt>
                <c:pt idx="30">
                  <c:v>2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541-4D7A-94C9-99B90827F08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59573920"/>
        <c:axId val="459571952"/>
      </c:lineChart>
      <c:catAx>
        <c:axId val="4595739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9571952"/>
        <c:crosses val="autoZero"/>
        <c:auto val="1"/>
        <c:lblAlgn val="ctr"/>
        <c:lblOffset val="100"/>
        <c:noMultiLvlLbl val="0"/>
      </c:catAx>
      <c:valAx>
        <c:axId val="4595719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95739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M$3</c:f>
              <c:strCache>
                <c:ptCount val="1"/>
                <c:pt idx="0">
                  <c:v>Mar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M$4:$M$34</c:f>
              <c:numCache>
                <c:formatCode>General</c:formatCode>
                <c:ptCount val="31"/>
                <c:pt idx="0">
                  <c:v>7380</c:v>
                </c:pt>
                <c:pt idx="1">
                  <c:v>5843</c:v>
                </c:pt>
                <c:pt idx="2">
                  <c:v>8225</c:v>
                </c:pt>
                <c:pt idx="3">
                  <c:v>9279</c:v>
                </c:pt>
                <c:pt idx="4">
                  <c:v>8855</c:v>
                </c:pt>
                <c:pt idx="5">
                  <c:v>8115</c:v>
                </c:pt>
                <c:pt idx="6">
                  <c:v>7777</c:v>
                </c:pt>
                <c:pt idx="7">
                  <c:v>7617</c:v>
                </c:pt>
                <c:pt idx="8">
                  <c:v>7616</c:v>
                </c:pt>
                <c:pt idx="9">
                  <c:v>7576</c:v>
                </c:pt>
                <c:pt idx="10">
                  <c:v>7507</c:v>
                </c:pt>
                <c:pt idx="11">
                  <c:v>7026</c:v>
                </c:pt>
                <c:pt idx="12">
                  <c:v>6377</c:v>
                </c:pt>
                <c:pt idx="13">
                  <c:v>5594</c:v>
                </c:pt>
                <c:pt idx="14">
                  <c:v>4958</c:v>
                </c:pt>
                <c:pt idx="15">
                  <c:v>4051</c:v>
                </c:pt>
                <c:pt idx="16">
                  <c:v>3422</c:v>
                </c:pt>
                <c:pt idx="17">
                  <c:v>2898</c:v>
                </c:pt>
                <c:pt idx="18">
                  <c:v>2329</c:v>
                </c:pt>
                <c:pt idx="19">
                  <c:v>1884</c:v>
                </c:pt>
                <c:pt idx="20">
                  <c:v>1510</c:v>
                </c:pt>
                <c:pt idx="21">
                  <c:v>1133</c:v>
                </c:pt>
                <c:pt idx="22">
                  <c:v>1033</c:v>
                </c:pt>
                <c:pt idx="23">
                  <c:v>803</c:v>
                </c:pt>
                <c:pt idx="24">
                  <c:v>634</c:v>
                </c:pt>
                <c:pt idx="25">
                  <c:v>507</c:v>
                </c:pt>
                <c:pt idx="26">
                  <c:v>398</c:v>
                </c:pt>
                <c:pt idx="27">
                  <c:v>318</c:v>
                </c:pt>
                <c:pt idx="28">
                  <c:v>271</c:v>
                </c:pt>
                <c:pt idx="29">
                  <c:v>256</c:v>
                </c:pt>
                <c:pt idx="30">
                  <c:v>108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8DE-47C1-8300-EB7E90C160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1787232"/>
        <c:axId val="1261787560"/>
      </c:lineChart>
      <c:catAx>
        <c:axId val="12617872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87560"/>
        <c:crosses val="autoZero"/>
        <c:auto val="1"/>
        <c:lblAlgn val="ctr"/>
        <c:lblOffset val="100"/>
        <c:noMultiLvlLbl val="0"/>
      </c:catAx>
      <c:valAx>
        <c:axId val="12617875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8723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L$3</c:f>
              <c:strCache>
                <c:ptCount val="1"/>
                <c:pt idx="0">
                  <c:v>Feb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L$4:$L$34</c:f>
              <c:numCache>
                <c:formatCode>General</c:formatCode>
                <c:ptCount val="31"/>
                <c:pt idx="0">
                  <c:v>7153</c:v>
                </c:pt>
                <c:pt idx="1">
                  <c:v>5408</c:v>
                </c:pt>
                <c:pt idx="2">
                  <c:v>7512</c:v>
                </c:pt>
                <c:pt idx="3">
                  <c:v>8773</c:v>
                </c:pt>
                <c:pt idx="4">
                  <c:v>8586</c:v>
                </c:pt>
                <c:pt idx="5">
                  <c:v>7703</c:v>
                </c:pt>
                <c:pt idx="6">
                  <c:v>7263</c:v>
                </c:pt>
                <c:pt idx="7">
                  <c:v>6843</c:v>
                </c:pt>
                <c:pt idx="8">
                  <c:v>6941</c:v>
                </c:pt>
                <c:pt idx="9">
                  <c:v>7043</c:v>
                </c:pt>
                <c:pt idx="10">
                  <c:v>7236</c:v>
                </c:pt>
                <c:pt idx="11">
                  <c:v>6853</c:v>
                </c:pt>
                <c:pt idx="12">
                  <c:v>6642</c:v>
                </c:pt>
                <c:pt idx="13">
                  <c:v>5942</c:v>
                </c:pt>
                <c:pt idx="14">
                  <c:v>5351</c:v>
                </c:pt>
                <c:pt idx="15">
                  <c:v>4686</c:v>
                </c:pt>
                <c:pt idx="16">
                  <c:v>3972</c:v>
                </c:pt>
                <c:pt idx="17">
                  <c:v>3292</c:v>
                </c:pt>
                <c:pt idx="18">
                  <c:v>2833</c:v>
                </c:pt>
                <c:pt idx="19">
                  <c:v>2237</c:v>
                </c:pt>
                <c:pt idx="20">
                  <c:v>1848</c:v>
                </c:pt>
                <c:pt idx="21">
                  <c:v>1538</c:v>
                </c:pt>
                <c:pt idx="22">
                  <c:v>1225</c:v>
                </c:pt>
                <c:pt idx="23">
                  <c:v>960</c:v>
                </c:pt>
                <c:pt idx="24">
                  <c:v>778</c:v>
                </c:pt>
                <c:pt idx="25">
                  <c:v>647</c:v>
                </c:pt>
                <c:pt idx="26">
                  <c:v>532</c:v>
                </c:pt>
                <c:pt idx="27">
                  <c:v>428</c:v>
                </c:pt>
                <c:pt idx="28">
                  <c:v>347</c:v>
                </c:pt>
                <c:pt idx="29">
                  <c:v>281</c:v>
                </c:pt>
                <c:pt idx="30">
                  <c:v>14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1052-4642-8533-A697F33974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1731800"/>
        <c:axId val="1261732128"/>
      </c:lineChart>
      <c:catAx>
        <c:axId val="12617318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32128"/>
        <c:crosses val="autoZero"/>
        <c:auto val="1"/>
        <c:lblAlgn val="ctr"/>
        <c:lblOffset val="100"/>
        <c:noMultiLvlLbl val="0"/>
      </c:catAx>
      <c:valAx>
        <c:axId val="1261732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3180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K$3</c:f>
              <c:strCache>
                <c:ptCount val="1"/>
                <c:pt idx="0">
                  <c:v>Jan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K$4:$K$34</c:f>
              <c:numCache>
                <c:formatCode>General</c:formatCode>
                <c:ptCount val="31"/>
                <c:pt idx="0">
                  <c:v>6579</c:v>
                </c:pt>
                <c:pt idx="1">
                  <c:v>4616</c:v>
                </c:pt>
                <c:pt idx="2">
                  <c:v>5830</c:v>
                </c:pt>
                <c:pt idx="3">
                  <c:v>7231</c:v>
                </c:pt>
                <c:pt idx="4">
                  <c:v>7502</c:v>
                </c:pt>
                <c:pt idx="5">
                  <c:v>7248</c:v>
                </c:pt>
                <c:pt idx="6">
                  <c:v>6895</c:v>
                </c:pt>
                <c:pt idx="7">
                  <c:v>6489</c:v>
                </c:pt>
                <c:pt idx="8">
                  <c:v>6469</c:v>
                </c:pt>
                <c:pt idx="9">
                  <c:v>6396</c:v>
                </c:pt>
                <c:pt idx="10">
                  <c:v>6589</c:v>
                </c:pt>
                <c:pt idx="11">
                  <c:v>6604</c:v>
                </c:pt>
                <c:pt idx="12">
                  <c:v>6427</c:v>
                </c:pt>
                <c:pt idx="13">
                  <c:v>6286</c:v>
                </c:pt>
                <c:pt idx="14">
                  <c:v>5834</c:v>
                </c:pt>
                <c:pt idx="15">
                  <c:v>5305</c:v>
                </c:pt>
                <c:pt idx="16">
                  <c:v>4618</c:v>
                </c:pt>
                <c:pt idx="17">
                  <c:v>4072</c:v>
                </c:pt>
                <c:pt idx="18">
                  <c:v>3536</c:v>
                </c:pt>
                <c:pt idx="19">
                  <c:v>3074</c:v>
                </c:pt>
                <c:pt idx="20">
                  <c:v>2548</c:v>
                </c:pt>
                <c:pt idx="21">
                  <c:v>2143</c:v>
                </c:pt>
                <c:pt idx="22">
                  <c:v>1731</c:v>
                </c:pt>
                <c:pt idx="23">
                  <c:v>1426</c:v>
                </c:pt>
                <c:pt idx="24">
                  <c:v>1206</c:v>
                </c:pt>
                <c:pt idx="25">
                  <c:v>986</c:v>
                </c:pt>
                <c:pt idx="26">
                  <c:v>839</c:v>
                </c:pt>
                <c:pt idx="27">
                  <c:v>669</c:v>
                </c:pt>
                <c:pt idx="28">
                  <c:v>548</c:v>
                </c:pt>
                <c:pt idx="29">
                  <c:v>448</c:v>
                </c:pt>
                <c:pt idx="30">
                  <c:v>24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AA0-489C-8A20-7A36FEAE7E0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60262880"/>
        <c:axId val="460263536"/>
      </c:lineChart>
      <c:catAx>
        <c:axId val="4602628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263536"/>
        <c:crosses val="autoZero"/>
        <c:auto val="1"/>
        <c:lblAlgn val="ctr"/>
        <c:lblOffset val="100"/>
        <c:noMultiLvlLbl val="0"/>
      </c:catAx>
      <c:valAx>
        <c:axId val="4602635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6026288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J$3</c:f>
              <c:strCache>
                <c:ptCount val="1"/>
                <c:pt idx="0">
                  <c:v>Dec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J$4:$J$34</c:f>
              <c:numCache>
                <c:formatCode>General</c:formatCode>
                <c:ptCount val="31"/>
                <c:pt idx="0">
                  <c:v>6989</c:v>
                </c:pt>
                <c:pt idx="1">
                  <c:v>4987</c:v>
                </c:pt>
                <c:pt idx="2">
                  <c:v>6631</c:v>
                </c:pt>
                <c:pt idx="3">
                  <c:v>7909</c:v>
                </c:pt>
                <c:pt idx="4">
                  <c:v>8077</c:v>
                </c:pt>
                <c:pt idx="5">
                  <c:v>7645</c:v>
                </c:pt>
                <c:pt idx="6">
                  <c:v>7048</c:v>
                </c:pt>
                <c:pt idx="7">
                  <c:v>6669</c:v>
                </c:pt>
                <c:pt idx="8">
                  <c:v>6728</c:v>
                </c:pt>
                <c:pt idx="9">
                  <c:v>6845</c:v>
                </c:pt>
                <c:pt idx="10">
                  <c:v>7035</c:v>
                </c:pt>
                <c:pt idx="11">
                  <c:v>6872</c:v>
                </c:pt>
                <c:pt idx="12">
                  <c:v>6547</c:v>
                </c:pt>
                <c:pt idx="13">
                  <c:v>6104</c:v>
                </c:pt>
                <c:pt idx="14">
                  <c:v>5610</c:v>
                </c:pt>
                <c:pt idx="15">
                  <c:v>4853</c:v>
                </c:pt>
                <c:pt idx="16">
                  <c:v>4336</c:v>
                </c:pt>
                <c:pt idx="17">
                  <c:v>3692</c:v>
                </c:pt>
                <c:pt idx="18">
                  <c:v>3093</c:v>
                </c:pt>
                <c:pt idx="19">
                  <c:v>2657</c:v>
                </c:pt>
                <c:pt idx="20">
                  <c:v>2116</c:v>
                </c:pt>
                <c:pt idx="21">
                  <c:v>1818</c:v>
                </c:pt>
                <c:pt idx="22">
                  <c:v>1462</c:v>
                </c:pt>
                <c:pt idx="23">
                  <c:v>1185</c:v>
                </c:pt>
                <c:pt idx="24">
                  <c:v>921</c:v>
                </c:pt>
                <c:pt idx="25">
                  <c:v>788</c:v>
                </c:pt>
                <c:pt idx="26">
                  <c:v>656</c:v>
                </c:pt>
                <c:pt idx="27">
                  <c:v>498</c:v>
                </c:pt>
                <c:pt idx="28">
                  <c:v>437</c:v>
                </c:pt>
                <c:pt idx="29">
                  <c:v>372</c:v>
                </c:pt>
                <c:pt idx="30">
                  <c:v>176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99D-47CC-80D1-5EFA5A9A498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52192888"/>
        <c:axId val="1252186000"/>
      </c:lineChart>
      <c:catAx>
        <c:axId val="12521928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2186000"/>
        <c:crosses val="autoZero"/>
        <c:auto val="1"/>
        <c:lblAlgn val="ctr"/>
        <c:lblOffset val="100"/>
        <c:noMultiLvlLbl val="0"/>
      </c:catAx>
      <c:valAx>
        <c:axId val="12521860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219288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I$3</c:f>
              <c:strCache>
                <c:ptCount val="1"/>
                <c:pt idx="0">
                  <c:v>Nov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I$4:$I$34</c:f>
              <c:numCache>
                <c:formatCode>General</c:formatCode>
                <c:ptCount val="31"/>
                <c:pt idx="0">
                  <c:v>8655</c:v>
                </c:pt>
                <c:pt idx="1">
                  <c:v>7493</c:v>
                </c:pt>
                <c:pt idx="2">
                  <c:v>10287</c:v>
                </c:pt>
                <c:pt idx="3">
                  <c:v>12158</c:v>
                </c:pt>
                <c:pt idx="4">
                  <c:v>13060</c:v>
                </c:pt>
                <c:pt idx="5">
                  <c:v>13181</c:v>
                </c:pt>
                <c:pt idx="6">
                  <c:v>12544</c:v>
                </c:pt>
                <c:pt idx="7">
                  <c:v>11247</c:v>
                </c:pt>
                <c:pt idx="8">
                  <c:v>9687</c:v>
                </c:pt>
                <c:pt idx="9">
                  <c:v>7893</c:v>
                </c:pt>
                <c:pt idx="10">
                  <c:v>6242</c:v>
                </c:pt>
                <c:pt idx="11">
                  <c:v>4900</c:v>
                </c:pt>
                <c:pt idx="12">
                  <c:v>3678</c:v>
                </c:pt>
                <c:pt idx="13">
                  <c:v>2865</c:v>
                </c:pt>
                <c:pt idx="14">
                  <c:v>2101</c:v>
                </c:pt>
                <c:pt idx="15">
                  <c:v>1548</c:v>
                </c:pt>
                <c:pt idx="16">
                  <c:v>1150</c:v>
                </c:pt>
                <c:pt idx="17">
                  <c:v>882</c:v>
                </c:pt>
                <c:pt idx="18">
                  <c:v>617</c:v>
                </c:pt>
                <c:pt idx="19">
                  <c:v>490</c:v>
                </c:pt>
                <c:pt idx="20">
                  <c:v>370</c:v>
                </c:pt>
                <c:pt idx="21">
                  <c:v>260</c:v>
                </c:pt>
                <c:pt idx="22">
                  <c:v>183</c:v>
                </c:pt>
                <c:pt idx="23">
                  <c:v>161</c:v>
                </c:pt>
                <c:pt idx="24">
                  <c:v>128</c:v>
                </c:pt>
                <c:pt idx="25">
                  <c:v>95</c:v>
                </c:pt>
                <c:pt idx="26">
                  <c:v>74</c:v>
                </c:pt>
                <c:pt idx="27">
                  <c:v>46</c:v>
                </c:pt>
                <c:pt idx="28">
                  <c:v>52</c:v>
                </c:pt>
                <c:pt idx="29">
                  <c:v>37</c:v>
                </c:pt>
                <c:pt idx="30">
                  <c:v>1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33D-412C-B66E-B776304B910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28135248"/>
        <c:axId val="1228135576"/>
      </c:lineChart>
      <c:catAx>
        <c:axId val="12281352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28135576"/>
        <c:crosses val="autoZero"/>
        <c:auto val="1"/>
        <c:lblAlgn val="ctr"/>
        <c:lblOffset val="100"/>
        <c:noMultiLvlLbl val="0"/>
      </c:catAx>
      <c:valAx>
        <c:axId val="12281355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2813524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H$3</c:f>
              <c:strCache>
                <c:ptCount val="1"/>
                <c:pt idx="0">
                  <c:v>Oct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H$4:$H$34</c:f>
              <c:numCache>
                <c:formatCode>General</c:formatCode>
                <c:ptCount val="31"/>
                <c:pt idx="0">
                  <c:v>8236</c:v>
                </c:pt>
                <c:pt idx="1">
                  <c:v>6578</c:v>
                </c:pt>
                <c:pt idx="2">
                  <c:v>8911</c:v>
                </c:pt>
                <c:pt idx="3">
                  <c:v>11555</c:v>
                </c:pt>
                <c:pt idx="4">
                  <c:v>13575</c:v>
                </c:pt>
                <c:pt idx="5">
                  <c:v>14740</c:v>
                </c:pt>
                <c:pt idx="6">
                  <c:v>14043</c:v>
                </c:pt>
                <c:pt idx="7">
                  <c:v>12329</c:v>
                </c:pt>
                <c:pt idx="8">
                  <c:v>10197</c:v>
                </c:pt>
                <c:pt idx="9">
                  <c:v>8129</c:v>
                </c:pt>
                <c:pt idx="10">
                  <c:v>5915</c:v>
                </c:pt>
                <c:pt idx="11">
                  <c:v>4571</c:v>
                </c:pt>
                <c:pt idx="12">
                  <c:v>3446</c:v>
                </c:pt>
                <c:pt idx="13">
                  <c:v>2545</c:v>
                </c:pt>
                <c:pt idx="14">
                  <c:v>1865</c:v>
                </c:pt>
                <c:pt idx="15">
                  <c:v>1357</c:v>
                </c:pt>
                <c:pt idx="16">
                  <c:v>1044</c:v>
                </c:pt>
                <c:pt idx="17">
                  <c:v>779</c:v>
                </c:pt>
                <c:pt idx="18">
                  <c:v>566</c:v>
                </c:pt>
                <c:pt idx="19">
                  <c:v>435</c:v>
                </c:pt>
                <c:pt idx="20">
                  <c:v>294</c:v>
                </c:pt>
                <c:pt idx="21">
                  <c:v>223</c:v>
                </c:pt>
                <c:pt idx="22">
                  <c:v>182</c:v>
                </c:pt>
                <c:pt idx="23">
                  <c:v>138</c:v>
                </c:pt>
                <c:pt idx="24">
                  <c:v>113</c:v>
                </c:pt>
                <c:pt idx="25">
                  <c:v>80</c:v>
                </c:pt>
                <c:pt idx="26">
                  <c:v>61</c:v>
                </c:pt>
                <c:pt idx="27">
                  <c:v>59</c:v>
                </c:pt>
                <c:pt idx="28">
                  <c:v>42</c:v>
                </c:pt>
                <c:pt idx="29">
                  <c:v>42</c:v>
                </c:pt>
                <c:pt idx="30">
                  <c:v>2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917-45DB-A3AD-FAC7456B88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50012008"/>
        <c:axId val="1750005776"/>
      </c:lineChart>
      <c:catAx>
        <c:axId val="17500120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50005776"/>
        <c:crosses val="autoZero"/>
        <c:auto val="1"/>
        <c:lblAlgn val="ctr"/>
        <c:lblOffset val="100"/>
        <c:noMultiLvlLbl val="0"/>
      </c:catAx>
      <c:valAx>
        <c:axId val="17500057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5001200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G$3</c:f>
              <c:strCache>
                <c:ptCount val="1"/>
                <c:pt idx="0">
                  <c:v>Sep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G$4:$G$34</c:f>
              <c:numCache>
                <c:formatCode>General</c:formatCode>
                <c:ptCount val="31"/>
                <c:pt idx="0">
                  <c:v>7612</c:v>
                </c:pt>
                <c:pt idx="1">
                  <c:v>5468</c:v>
                </c:pt>
                <c:pt idx="2">
                  <c:v>6939</c:v>
                </c:pt>
                <c:pt idx="3">
                  <c:v>8758</c:v>
                </c:pt>
                <c:pt idx="4">
                  <c:v>10393</c:v>
                </c:pt>
                <c:pt idx="5">
                  <c:v>11522</c:v>
                </c:pt>
                <c:pt idx="6">
                  <c:v>12361</c:v>
                </c:pt>
                <c:pt idx="7">
                  <c:v>11789</c:v>
                </c:pt>
                <c:pt idx="8">
                  <c:v>10815</c:v>
                </c:pt>
                <c:pt idx="9">
                  <c:v>9263</c:v>
                </c:pt>
                <c:pt idx="10">
                  <c:v>8001</c:v>
                </c:pt>
                <c:pt idx="11">
                  <c:v>6338</c:v>
                </c:pt>
                <c:pt idx="12">
                  <c:v>5045</c:v>
                </c:pt>
                <c:pt idx="13">
                  <c:v>4062</c:v>
                </c:pt>
                <c:pt idx="14">
                  <c:v>2994</c:v>
                </c:pt>
                <c:pt idx="15">
                  <c:v>2460</c:v>
                </c:pt>
                <c:pt idx="16">
                  <c:v>1917</c:v>
                </c:pt>
                <c:pt idx="17">
                  <c:v>1527</c:v>
                </c:pt>
                <c:pt idx="18">
                  <c:v>1112</c:v>
                </c:pt>
                <c:pt idx="19">
                  <c:v>858</c:v>
                </c:pt>
                <c:pt idx="20">
                  <c:v>645</c:v>
                </c:pt>
                <c:pt idx="21">
                  <c:v>555</c:v>
                </c:pt>
                <c:pt idx="22">
                  <c:v>381</c:v>
                </c:pt>
                <c:pt idx="23">
                  <c:v>301</c:v>
                </c:pt>
                <c:pt idx="24">
                  <c:v>233</c:v>
                </c:pt>
                <c:pt idx="25">
                  <c:v>223</c:v>
                </c:pt>
                <c:pt idx="26">
                  <c:v>164</c:v>
                </c:pt>
                <c:pt idx="27">
                  <c:v>116</c:v>
                </c:pt>
                <c:pt idx="28">
                  <c:v>98</c:v>
                </c:pt>
                <c:pt idx="29">
                  <c:v>78</c:v>
                </c:pt>
                <c:pt idx="30">
                  <c:v>4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07D-42A8-8310-1556FC4D46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6787456"/>
        <c:axId val="1266787784"/>
      </c:lineChart>
      <c:catAx>
        <c:axId val="12667874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6787784"/>
        <c:crosses val="autoZero"/>
        <c:auto val="1"/>
        <c:lblAlgn val="ctr"/>
        <c:lblOffset val="100"/>
        <c:noMultiLvlLbl val="0"/>
      </c:catAx>
      <c:valAx>
        <c:axId val="12667877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678745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F$3</c:f>
              <c:strCache>
                <c:ptCount val="1"/>
                <c:pt idx="0">
                  <c:v>Aug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F$4:$F$34</c:f>
              <c:numCache>
                <c:formatCode>General</c:formatCode>
                <c:ptCount val="31"/>
                <c:pt idx="0">
                  <c:v>7586</c:v>
                </c:pt>
                <c:pt idx="1">
                  <c:v>4972</c:v>
                </c:pt>
                <c:pt idx="2">
                  <c:v>6100</c:v>
                </c:pt>
                <c:pt idx="3">
                  <c:v>7631</c:v>
                </c:pt>
                <c:pt idx="4">
                  <c:v>9260</c:v>
                </c:pt>
                <c:pt idx="5">
                  <c:v>10582</c:v>
                </c:pt>
                <c:pt idx="6">
                  <c:v>11356</c:v>
                </c:pt>
                <c:pt idx="7">
                  <c:v>11259</c:v>
                </c:pt>
                <c:pt idx="8">
                  <c:v>10632</c:v>
                </c:pt>
                <c:pt idx="9">
                  <c:v>9563</c:v>
                </c:pt>
                <c:pt idx="10">
                  <c:v>8252</c:v>
                </c:pt>
                <c:pt idx="11">
                  <c:v>7060</c:v>
                </c:pt>
                <c:pt idx="12">
                  <c:v>5751</c:v>
                </c:pt>
                <c:pt idx="13">
                  <c:v>4612</c:v>
                </c:pt>
                <c:pt idx="14">
                  <c:v>3748</c:v>
                </c:pt>
                <c:pt idx="15">
                  <c:v>2977</c:v>
                </c:pt>
                <c:pt idx="16">
                  <c:v>2313</c:v>
                </c:pt>
                <c:pt idx="17">
                  <c:v>1811</c:v>
                </c:pt>
                <c:pt idx="18">
                  <c:v>1470</c:v>
                </c:pt>
                <c:pt idx="19">
                  <c:v>1188</c:v>
                </c:pt>
                <c:pt idx="20">
                  <c:v>924</c:v>
                </c:pt>
                <c:pt idx="21">
                  <c:v>717</c:v>
                </c:pt>
                <c:pt idx="22">
                  <c:v>536</c:v>
                </c:pt>
                <c:pt idx="23">
                  <c:v>455</c:v>
                </c:pt>
                <c:pt idx="24">
                  <c:v>315</c:v>
                </c:pt>
                <c:pt idx="25">
                  <c:v>283</c:v>
                </c:pt>
                <c:pt idx="26">
                  <c:v>208</c:v>
                </c:pt>
                <c:pt idx="27">
                  <c:v>155</c:v>
                </c:pt>
                <c:pt idx="28">
                  <c:v>153</c:v>
                </c:pt>
                <c:pt idx="29">
                  <c:v>122</c:v>
                </c:pt>
                <c:pt idx="30">
                  <c:v>6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829-4B6B-BCEC-B700BA85E3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70332648"/>
        <c:axId val="670330352"/>
      </c:lineChart>
      <c:catAx>
        <c:axId val="6703326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0330352"/>
        <c:crosses val="autoZero"/>
        <c:auto val="1"/>
        <c:lblAlgn val="ctr"/>
        <c:lblOffset val="100"/>
        <c:noMultiLvlLbl val="0"/>
      </c:catAx>
      <c:valAx>
        <c:axId val="6703303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033264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E$3</c:f>
              <c:strCache>
                <c:ptCount val="1"/>
                <c:pt idx="0">
                  <c:v>Jul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E$4:$E$34</c:f>
              <c:numCache>
                <c:formatCode>General</c:formatCode>
                <c:ptCount val="31"/>
                <c:pt idx="0">
                  <c:v>8004</c:v>
                </c:pt>
                <c:pt idx="1">
                  <c:v>5666</c:v>
                </c:pt>
                <c:pt idx="2">
                  <c:v>7096</c:v>
                </c:pt>
                <c:pt idx="3">
                  <c:v>8578</c:v>
                </c:pt>
                <c:pt idx="4">
                  <c:v>10272</c:v>
                </c:pt>
                <c:pt idx="5">
                  <c:v>11310</c:v>
                </c:pt>
                <c:pt idx="6">
                  <c:v>11731</c:v>
                </c:pt>
                <c:pt idx="7">
                  <c:v>11429</c:v>
                </c:pt>
                <c:pt idx="8">
                  <c:v>10487</c:v>
                </c:pt>
                <c:pt idx="9">
                  <c:v>9106</c:v>
                </c:pt>
                <c:pt idx="10">
                  <c:v>7762</c:v>
                </c:pt>
                <c:pt idx="11">
                  <c:v>6349</c:v>
                </c:pt>
                <c:pt idx="12">
                  <c:v>5037</c:v>
                </c:pt>
                <c:pt idx="13">
                  <c:v>4315</c:v>
                </c:pt>
                <c:pt idx="14">
                  <c:v>3297</c:v>
                </c:pt>
                <c:pt idx="15">
                  <c:v>2576</c:v>
                </c:pt>
                <c:pt idx="16">
                  <c:v>2041</c:v>
                </c:pt>
                <c:pt idx="17">
                  <c:v>1611</c:v>
                </c:pt>
                <c:pt idx="18">
                  <c:v>1301</c:v>
                </c:pt>
                <c:pt idx="19">
                  <c:v>979</c:v>
                </c:pt>
                <c:pt idx="20">
                  <c:v>717</c:v>
                </c:pt>
                <c:pt idx="21">
                  <c:v>575</c:v>
                </c:pt>
                <c:pt idx="22">
                  <c:v>453</c:v>
                </c:pt>
                <c:pt idx="23">
                  <c:v>377</c:v>
                </c:pt>
                <c:pt idx="24">
                  <c:v>278</c:v>
                </c:pt>
                <c:pt idx="25">
                  <c:v>233</c:v>
                </c:pt>
                <c:pt idx="26">
                  <c:v>178</c:v>
                </c:pt>
                <c:pt idx="27">
                  <c:v>153</c:v>
                </c:pt>
                <c:pt idx="28">
                  <c:v>99</c:v>
                </c:pt>
                <c:pt idx="29">
                  <c:v>91</c:v>
                </c:pt>
                <c:pt idx="30">
                  <c:v>4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F8C-411C-8008-364066BB5B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28132296"/>
        <c:axId val="1228130984"/>
      </c:lineChart>
      <c:catAx>
        <c:axId val="12281322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28130984"/>
        <c:crosses val="autoZero"/>
        <c:auto val="1"/>
        <c:lblAlgn val="ctr"/>
        <c:lblOffset val="100"/>
        <c:noMultiLvlLbl val="0"/>
      </c:catAx>
      <c:valAx>
        <c:axId val="1228130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2813229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C$3</c:f>
              <c:strCache>
                <c:ptCount val="1"/>
                <c:pt idx="0">
                  <c:v>May - 2019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C$4:$C$34</c:f>
              <c:numCache>
                <c:formatCode>General</c:formatCode>
                <c:ptCount val="31"/>
                <c:pt idx="0">
                  <c:v>9812</c:v>
                </c:pt>
                <c:pt idx="1">
                  <c:v>8638</c:v>
                </c:pt>
                <c:pt idx="2">
                  <c:v>11985</c:v>
                </c:pt>
                <c:pt idx="3">
                  <c:v>14850</c:v>
                </c:pt>
                <c:pt idx="4">
                  <c:v>16523</c:v>
                </c:pt>
                <c:pt idx="5">
                  <c:v>16115</c:v>
                </c:pt>
                <c:pt idx="6">
                  <c:v>14321</c:v>
                </c:pt>
                <c:pt idx="7">
                  <c:v>11642</c:v>
                </c:pt>
                <c:pt idx="8">
                  <c:v>8674</c:v>
                </c:pt>
                <c:pt idx="9">
                  <c:v>6364</c:v>
                </c:pt>
                <c:pt idx="10">
                  <c:v>4385</c:v>
                </c:pt>
                <c:pt idx="11">
                  <c:v>2939</c:v>
                </c:pt>
                <c:pt idx="12">
                  <c:v>2000</c:v>
                </c:pt>
                <c:pt idx="13">
                  <c:v>1345</c:v>
                </c:pt>
                <c:pt idx="14">
                  <c:v>908</c:v>
                </c:pt>
                <c:pt idx="15">
                  <c:v>581</c:v>
                </c:pt>
                <c:pt idx="16">
                  <c:v>438</c:v>
                </c:pt>
                <c:pt idx="17">
                  <c:v>278</c:v>
                </c:pt>
                <c:pt idx="18">
                  <c:v>229</c:v>
                </c:pt>
                <c:pt idx="19">
                  <c:v>159</c:v>
                </c:pt>
                <c:pt idx="20">
                  <c:v>132</c:v>
                </c:pt>
                <c:pt idx="21">
                  <c:v>67</c:v>
                </c:pt>
                <c:pt idx="22">
                  <c:v>65</c:v>
                </c:pt>
                <c:pt idx="23">
                  <c:v>59</c:v>
                </c:pt>
                <c:pt idx="24">
                  <c:v>38</c:v>
                </c:pt>
                <c:pt idx="25">
                  <c:v>33</c:v>
                </c:pt>
                <c:pt idx="26">
                  <c:v>29</c:v>
                </c:pt>
                <c:pt idx="27">
                  <c:v>23</c:v>
                </c:pt>
                <c:pt idx="28">
                  <c:v>19</c:v>
                </c:pt>
                <c:pt idx="29">
                  <c:v>15</c:v>
                </c:pt>
                <c:pt idx="30">
                  <c:v>10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D6D-4688-B329-AF9068AD12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1868464"/>
        <c:axId val="1261868792"/>
      </c:lineChart>
      <c:catAx>
        <c:axId val="12618684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868792"/>
        <c:crosses val="autoZero"/>
        <c:auto val="1"/>
        <c:lblAlgn val="ctr"/>
        <c:lblOffset val="100"/>
        <c:noMultiLvlLbl val="0"/>
      </c:catAx>
      <c:valAx>
        <c:axId val="126186879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86846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T$3</c:f>
              <c:strCache>
                <c:ptCount val="1"/>
                <c:pt idx="0">
                  <c:v>Oct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T$4:$T$34</c:f>
              <c:numCache>
                <c:formatCode>General</c:formatCode>
                <c:ptCount val="31"/>
                <c:pt idx="0">
                  <c:v>9280</c:v>
                </c:pt>
                <c:pt idx="1">
                  <c:v>8393</c:v>
                </c:pt>
                <c:pt idx="2">
                  <c:v>11921</c:v>
                </c:pt>
                <c:pt idx="3">
                  <c:v>15136</c:v>
                </c:pt>
                <c:pt idx="4">
                  <c:v>16804</c:v>
                </c:pt>
                <c:pt idx="5">
                  <c:v>16409</c:v>
                </c:pt>
                <c:pt idx="6">
                  <c:v>14112</c:v>
                </c:pt>
                <c:pt idx="7">
                  <c:v>11112</c:v>
                </c:pt>
                <c:pt idx="8">
                  <c:v>8270</c:v>
                </c:pt>
                <c:pt idx="9">
                  <c:v>6107</c:v>
                </c:pt>
                <c:pt idx="10">
                  <c:v>4350</c:v>
                </c:pt>
                <c:pt idx="11">
                  <c:v>3075</c:v>
                </c:pt>
                <c:pt idx="12">
                  <c:v>2147</c:v>
                </c:pt>
                <c:pt idx="13">
                  <c:v>1588</c:v>
                </c:pt>
                <c:pt idx="14">
                  <c:v>1099</c:v>
                </c:pt>
                <c:pt idx="15">
                  <c:v>829</c:v>
                </c:pt>
                <c:pt idx="16">
                  <c:v>565</c:v>
                </c:pt>
                <c:pt idx="17">
                  <c:v>431</c:v>
                </c:pt>
                <c:pt idx="18">
                  <c:v>321</c:v>
                </c:pt>
                <c:pt idx="19">
                  <c:v>243</c:v>
                </c:pt>
                <c:pt idx="20">
                  <c:v>194</c:v>
                </c:pt>
                <c:pt idx="21">
                  <c:v>148</c:v>
                </c:pt>
                <c:pt idx="22">
                  <c:v>114</c:v>
                </c:pt>
                <c:pt idx="23">
                  <c:v>89</c:v>
                </c:pt>
                <c:pt idx="24">
                  <c:v>59</c:v>
                </c:pt>
                <c:pt idx="25">
                  <c:v>42</c:v>
                </c:pt>
                <c:pt idx="26">
                  <c:v>43</c:v>
                </c:pt>
                <c:pt idx="27">
                  <c:v>35</c:v>
                </c:pt>
                <c:pt idx="28">
                  <c:v>34</c:v>
                </c:pt>
                <c:pt idx="29">
                  <c:v>30</c:v>
                </c:pt>
                <c:pt idx="30">
                  <c:v>14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D63-46CE-9B30-4F5EDF89DC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2917928"/>
        <c:axId val="1262910056"/>
      </c:lineChart>
      <c:catAx>
        <c:axId val="1262917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910056"/>
        <c:crosses val="autoZero"/>
        <c:auto val="1"/>
        <c:lblAlgn val="ctr"/>
        <c:lblOffset val="100"/>
        <c:noMultiLvlLbl val="0"/>
      </c:catAx>
      <c:valAx>
        <c:axId val="12629100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91792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S$3</c:f>
              <c:strCache>
                <c:ptCount val="1"/>
                <c:pt idx="0">
                  <c:v>Sep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S$4:$S$34</c:f>
              <c:numCache>
                <c:formatCode>General</c:formatCode>
                <c:ptCount val="31"/>
                <c:pt idx="0">
                  <c:v>7556</c:v>
                </c:pt>
                <c:pt idx="1">
                  <c:v>5586</c:v>
                </c:pt>
                <c:pt idx="2">
                  <c:v>6864</c:v>
                </c:pt>
                <c:pt idx="3">
                  <c:v>9025</c:v>
                </c:pt>
                <c:pt idx="4">
                  <c:v>10552</c:v>
                </c:pt>
                <c:pt idx="5">
                  <c:v>11849</c:v>
                </c:pt>
                <c:pt idx="6">
                  <c:v>12265</c:v>
                </c:pt>
                <c:pt idx="7">
                  <c:v>11722</c:v>
                </c:pt>
                <c:pt idx="8">
                  <c:v>10777</c:v>
                </c:pt>
                <c:pt idx="9">
                  <c:v>9226</c:v>
                </c:pt>
                <c:pt idx="10">
                  <c:v>7721</c:v>
                </c:pt>
                <c:pt idx="11">
                  <c:v>6282</c:v>
                </c:pt>
                <c:pt idx="12">
                  <c:v>5004</c:v>
                </c:pt>
                <c:pt idx="13">
                  <c:v>4014</c:v>
                </c:pt>
                <c:pt idx="14">
                  <c:v>3053</c:v>
                </c:pt>
                <c:pt idx="15">
                  <c:v>2551</c:v>
                </c:pt>
                <c:pt idx="16">
                  <c:v>1954</c:v>
                </c:pt>
                <c:pt idx="17">
                  <c:v>1546</c:v>
                </c:pt>
                <c:pt idx="18">
                  <c:v>1236</c:v>
                </c:pt>
                <c:pt idx="19">
                  <c:v>943</c:v>
                </c:pt>
                <c:pt idx="20">
                  <c:v>717</c:v>
                </c:pt>
                <c:pt idx="21">
                  <c:v>523</c:v>
                </c:pt>
                <c:pt idx="22">
                  <c:v>401</c:v>
                </c:pt>
                <c:pt idx="23">
                  <c:v>328</c:v>
                </c:pt>
                <c:pt idx="24">
                  <c:v>275</c:v>
                </c:pt>
                <c:pt idx="25">
                  <c:v>209</c:v>
                </c:pt>
                <c:pt idx="26">
                  <c:v>162</c:v>
                </c:pt>
                <c:pt idx="27">
                  <c:v>140</c:v>
                </c:pt>
                <c:pt idx="28">
                  <c:v>92</c:v>
                </c:pt>
                <c:pt idx="29">
                  <c:v>84</c:v>
                </c:pt>
                <c:pt idx="30">
                  <c:v>4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9B2-4F31-8F7F-9E77729E2B0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2877256"/>
        <c:axId val="1262898576"/>
      </c:lineChart>
      <c:catAx>
        <c:axId val="12628772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898576"/>
        <c:crosses val="autoZero"/>
        <c:auto val="1"/>
        <c:lblAlgn val="ctr"/>
        <c:lblOffset val="100"/>
        <c:noMultiLvlLbl val="0"/>
      </c:catAx>
      <c:valAx>
        <c:axId val="12628985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87725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R$3</c:f>
              <c:strCache>
                <c:ptCount val="1"/>
                <c:pt idx="0">
                  <c:v>Aug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R$4:$R$34</c:f>
              <c:numCache>
                <c:formatCode>General</c:formatCode>
                <c:ptCount val="31"/>
                <c:pt idx="0">
                  <c:v>7294</c:v>
                </c:pt>
                <c:pt idx="1">
                  <c:v>4473</c:v>
                </c:pt>
                <c:pt idx="2">
                  <c:v>5503</c:v>
                </c:pt>
                <c:pt idx="3">
                  <c:v>6946</c:v>
                </c:pt>
                <c:pt idx="4">
                  <c:v>8505</c:v>
                </c:pt>
                <c:pt idx="5">
                  <c:v>9773</c:v>
                </c:pt>
                <c:pt idx="6">
                  <c:v>10512</c:v>
                </c:pt>
                <c:pt idx="7">
                  <c:v>11096</c:v>
                </c:pt>
                <c:pt idx="8">
                  <c:v>10511</c:v>
                </c:pt>
                <c:pt idx="9">
                  <c:v>9680</c:v>
                </c:pt>
                <c:pt idx="10">
                  <c:v>8569</c:v>
                </c:pt>
                <c:pt idx="11">
                  <c:v>7402</c:v>
                </c:pt>
                <c:pt idx="12">
                  <c:v>6244</c:v>
                </c:pt>
                <c:pt idx="13">
                  <c:v>5096</c:v>
                </c:pt>
                <c:pt idx="14">
                  <c:v>4118</c:v>
                </c:pt>
                <c:pt idx="15">
                  <c:v>3355</c:v>
                </c:pt>
                <c:pt idx="16">
                  <c:v>2699</c:v>
                </c:pt>
                <c:pt idx="17">
                  <c:v>2210</c:v>
                </c:pt>
                <c:pt idx="18">
                  <c:v>1806</c:v>
                </c:pt>
                <c:pt idx="19">
                  <c:v>1464</c:v>
                </c:pt>
                <c:pt idx="20">
                  <c:v>1202</c:v>
                </c:pt>
                <c:pt idx="21">
                  <c:v>921</c:v>
                </c:pt>
                <c:pt idx="22">
                  <c:v>688</c:v>
                </c:pt>
                <c:pt idx="23">
                  <c:v>556</c:v>
                </c:pt>
                <c:pt idx="24">
                  <c:v>483</c:v>
                </c:pt>
                <c:pt idx="25">
                  <c:v>349</c:v>
                </c:pt>
                <c:pt idx="26">
                  <c:v>286</c:v>
                </c:pt>
                <c:pt idx="27">
                  <c:v>185</c:v>
                </c:pt>
                <c:pt idx="28">
                  <c:v>185</c:v>
                </c:pt>
                <c:pt idx="29">
                  <c:v>162</c:v>
                </c:pt>
                <c:pt idx="30">
                  <c:v>75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0D9-400F-B6B5-17D242B58B5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2851672"/>
        <c:axId val="1262847080"/>
      </c:lineChart>
      <c:catAx>
        <c:axId val="12628516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847080"/>
        <c:crosses val="autoZero"/>
        <c:auto val="1"/>
        <c:lblAlgn val="ctr"/>
        <c:lblOffset val="100"/>
        <c:noMultiLvlLbl val="0"/>
      </c:catAx>
      <c:valAx>
        <c:axId val="12628470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285167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Q$3</c:f>
              <c:strCache>
                <c:ptCount val="1"/>
                <c:pt idx="0">
                  <c:v>Jul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Q$4:$Q$34</c:f>
              <c:numCache>
                <c:formatCode>General</c:formatCode>
                <c:ptCount val="31"/>
                <c:pt idx="0">
                  <c:v>7895</c:v>
                </c:pt>
                <c:pt idx="1">
                  <c:v>5475</c:v>
                </c:pt>
                <c:pt idx="2">
                  <c:v>6571</c:v>
                </c:pt>
                <c:pt idx="3">
                  <c:v>8289</c:v>
                </c:pt>
                <c:pt idx="4">
                  <c:v>9873</c:v>
                </c:pt>
                <c:pt idx="5">
                  <c:v>11252</c:v>
                </c:pt>
                <c:pt idx="6">
                  <c:v>11655</c:v>
                </c:pt>
                <c:pt idx="7">
                  <c:v>11340</c:v>
                </c:pt>
                <c:pt idx="8">
                  <c:v>10515</c:v>
                </c:pt>
                <c:pt idx="9">
                  <c:v>9211</c:v>
                </c:pt>
                <c:pt idx="10">
                  <c:v>7960</c:v>
                </c:pt>
                <c:pt idx="11">
                  <c:v>6456</c:v>
                </c:pt>
                <c:pt idx="12">
                  <c:v>5255</c:v>
                </c:pt>
                <c:pt idx="13">
                  <c:v>4422</c:v>
                </c:pt>
                <c:pt idx="14">
                  <c:v>3502</c:v>
                </c:pt>
                <c:pt idx="15">
                  <c:v>2744</c:v>
                </c:pt>
                <c:pt idx="16">
                  <c:v>2277</c:v>
                </c:pt>
                <c:pt idx="17">
                  <c:v>1713</c:v>
                </c:pt>
                <c:pt idx="18">
                  <c:v>1413</c:v>
                </c:pt>
                <c:pt idx="19">
                  <c:v>1058</c:v>
                </c:pt>
                <c:pt idx="20">
                  <c:v>812</c:v>
                </c:pt>
                <c:pt idx="21">
                  <c:v>618</c:v>
                </c:pt>
                <c:pt idx="22">
                  <c:v>509</c:v>
                </c:pt>
                <c:pt idx="23">
                  <c:v>393</c:v>
                </c:pt>
                <c:pt idx="24">
                  <c:v>307</c:v>
                </c:pt>
                <c:pt idx="25">
                  <c:v>260</c:v>
                </c:pt>
                <c:pt idx="26">
                  <c:v>188</c:v>
                </c:pt>
                <c:pt idx="27">
                  <c:v>199</c:v>
                </c:pt>
                <c:pt idx="28">
                  <c:v>124</c:v>
                </c:pt>
                <c:pt idx="29">
                  <c:v>106</c:v>
                </c:pt>
                <c:pt idx="30">
                  <c:v>56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02F-4BF4-858D-BD134268C0F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54492384"/>
        <c:axId val="1254490744"/>
      </c:lineChart>
      <c:catAx>
        <c:axId val="12544923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4490744"/>
        <c:crosses val="autoZero"/>
        <c:auto val="1"/>
        <c:lblAlgn val="ctr"/>
        <c:lblOffset val="100"/>
        <c:noMultiLvlLbl val="0"/>
      </c:catAx>
      <c:valAx>
        <c:axId val="12544907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5449238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P$3</c:f>
              <c:strCache>
                <c:ptCount val="1"/>
                <c:pt idx="0">
                  <c:v>Jun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P$4:$P$34</c:f>
              <c:numCache>
                <c:formatCode>General</c:formatCode>
                <c:ptCount val="31"/>
                <c:pt idx="0">
                  <c:v>8839</c:v>
                </c:pt>
                <c:pt idx="1">
                  <c:v>6510</c:v>
                </c:pt>
                <c:pt idx="2">
                  <c:v>8421</c:v>
                </c:pt>
                <c:pt idx="3">
                  <c:v>10767</c:v>
                </c:pt>
                <c:pt idx="4">
                  <c:v>12867</c:v>
                </c:pt>
                <c:pt idx="5">
                  <c:v>13652</c:v>
                </c:pt>
                <c:pt idx="6">
                  <c:v>13684</c:v>
                </c:pt>
                <c:pt idx="7">
                  <c:v>12318</c:v>
                </c:pt>
                <c:pt idx="8">
                  <c:v>10555</c:v>
                </c:pt>
                <c:pt idx="9">
                  <c:v>8411</c:v>
                </c:pt>
                <c:pt idx="10">
                  <c:v>6588</c:v>
                </c:pt>
                <c:pt idx="11">
                  <c:v>5094</c:v>
                </c:pt>
                <c:pt idx="12">
                  <c:v>3732</c:v>
                </c:pt>
                <c:pt idx="13">
                  <c:v>2777</c:v>
                </c:pt>
                <c:pt idx="14">
                  <c:v>2134</c:v>
                </c:pt>
                <c:pt idx="15">
                  <c:v>1554</c:v>
                </c:pt>
                <c:pt idx="16">
                  <c:v>1107</c:v>
                </c:pt>
                <c:pt idx="17">
                  <c:v>852</c:v>
                </c:pt>
                <c:pt idx="18">
                  <c:v>654</c:v>
                </c:pt>
                <c:pt idx="19">
                  <c:v>468</c:v>
                </c:pt>
                <c:pt idx="20">
                  <c:v>348</c:v>
                </c:pt>
                <c:pt idx="21">
                  <c:v>276</c:v>
                </c:pt>
                <c:pt idx="22">
                  <c:v>209</c:v>
                </c:pt>
                <c:pt idx="23">
                  <c:v>168</c:v>
                </c:pt>
                <c:pt idx="24">
                  <c:v>122</c:v>
                </c:pt>
                <c:pt idx="25">
                  <c:v>96</c:v>
                </c:pt>
                <c:pt idx="26">
                  <c:v>76</c:v>
                </c:pt>
                <c:pt idx="27">
                  <c:v>69</c:v>
                </c:pt>
                <c:pt idx="28">
                  <c:v>54</c:v>
                </c:pt>
                <c:pt idx="29">
                  <c:v>43</c:v>
                </c:pt>
                <c:pt idx="30">
                  <c:v>27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F17-40D7-AC68-DF809B34B4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70317560"/>
        <c:axId val="670322480"/>
      </c:lineChart>
      <c:catAx>
        <c:axId val="6703175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0322480"/>
        <c:crosses val="autoZero"/>
        <c:auto val="1"/>
        <c:lblAlgn val="ctr"/>
        <c:lblOffset val="100"/>
        <c:noMultiLvlLbl val="0"/>
      </c:catAx>
      <c:valAx>
        <c:axId val="6703224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7031756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O$3</c:f>
              <c:strCache>
                <c:ptCount val="1"/>
                <c:pt idx="0">
                  <c:v>May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O$4:$O$34</c:f>
              <c:numCache>
                <c:formatCode>General</c:formatCode>
                <c:ptCount val="31"/>
                <c:pt idx="0">
                  <c:v>9804</c:v>
                </c:pt>
                <c:pt idx="1">
                  <c:v>8343</c:v>
                </c:pt>
                <c:pt idx="2">
                  <c:v>10729</c:v>
                </c:pt>
                <c:pt idx="3">
                  <c:v>12651</c:v>
                </c:pt>
                <c:pt idx="4">
                  <c:v>13749</c:v>
                </c:pt>
                <c:pt idx="5">
                  <c:v>14212</c:v>
                </c:pt>
                <c:pt idx="6">
                  <c:v>13602</c:v>
                </c:pt>
                <c:pt idx="7">
                  <c:v>11941</c:v>
                </c:pt>
                <c:pt idx="8">
                  <c:v>9941</c:v>
                </c:pt>
                <c:pt idx="9">
                  <c:v>7696</c:v>
                </c:pt>
                <c:pt idx="10">
                  <c:v>5604</c:v>
                </c:pt>
                <c:pt idx="11">
                  <c:v>4049</c:v>
                </c:pt>
                <c:pt idx="12">
                  <c:v>2841</c:v>
                </c:pt>
                <c:pt idx="13">
                  <c:v>2070</c:v>
                </c:pt>
                <c:pt idx="14">
                  <c:v>1352</c:v>
                </c:pt>
                <c:pt idx="15">
                  <c:v>1002</c:v>
                </c:pt>
                <c:pt idx="16">
                  <c:v>728</c:v>
                </c:pt>
                <c:pt idx="17">
                  <c:v>483</c:v>
                </c:pt>
                <c:pt idx="18">
                  <c:v>401</c:v>
                </c:pt>
                <c:pt idx="19">
                  <c:v>275</c:v>
                </c:pt>
                <c:pt idx="20">
                  <c:v>217</c:v>
                </c:pt>
                <c:pt idx="21">
                  <c:v>155</c:v>
                </c:pt>
                <c:pt idx="22">
                  <c:v>124</c:v>
                </c:pt>
                <c:pt idx="23">
                  <c:v>73</c:v>
                </c:pt>
                <c:pt idx="24">
                  <c:v>73</c:v>
                </c:pt>
                <c:pt idx="25">
                  <c:v>38</c:v>
                </c:pt>
                <c:pt idx="26">
                  <c:v>41</c:v>
                </c:pt>
                <c:pt idx="27">
                  <c:v>24</c:v>
                </c:pt>
                <c:pt idx="28">
                  <c:v>24</c:v>
                </c:pt>
                <c:pt idx="29">
                  <c:v>26</c:v>
                </c:pt>
                <c:pt idx="30">
                  <c:v>1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004-408E-99BB-F420123FA9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1718352"/>
        <c:axId val="1261719336"/>
      </c:lineChart>
      <c:catAx>
        <c:axId val="12617183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19336"/>
        <c:crosses val="autoZero"/>
        <c:auto val="1"/>
        <c:lblAlgn val="ctr"/>
        <c:lblOffset val="100"/>
        <c:noMultiLvlLbl val="0"/>
      </c:catAx>
      <c:valAx>
        <c:axId val="12617193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1835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ummary!$N$3</c:f>
              <c:strCache>
                <c:ptCount val="1"/>
                <c:pt idx="0">
                  <c:v>Apr - 2020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ummary!$A$4:$A$34</c:f>
              <c:strCache>
                <c:ptCount val="31"/>
                <c:pt idx="0">
                  <c:v>Up to 150</c:v>
                </c:pt>
                <c:pt idx="1">
                  <c:v>151 - 300</c:v>
                </c:pt>
                <c:pt idx="2">
                  <c:v>301 - 450</c:v>
                </c:pt>
                <c:pt idx="3">
                  <c:v>451 - 600</c:v>
                </c:pt>
                <c:pt idx="4">
                  <c:v>601- 750</c:v>
                </c:pt>
                <c:pt idx="5">
                  <c:v>751 - 900</c:v>
                </c:pt>
                <c:pt idx="6">
                  <c:v>901 -1050</c:v>
                </c:pt>
                <c:pt idx="7">
                  <c:v>1051 - 1200</c:v>
                </c:pt>
                <c:pt idx="8">
                  <c:v>1201 - 1350</c:v>
                </c:pt>
                <c:pt idx="9">
                  <c:v>1351 - 1500</c:v>
                </c:pt>
                <c:pt idx="10">
                  <c:v>1501 - 1650</c:v>
                </c:pt>
                <c:pt idx="11">
                  <c:v>1651 - 1800</c:v>
                </c:pt>
                <c:pt idx="12">
                  <c:v>1801 - 1950</c:v>
                </c:pt>
                <c:pt idx="13">
                  <c:v>1951 - 2100</c:v>
                </c:pt>
                <c:pt idx="14">
                  <c:v>2101 - 2250</c:v>
                </c:pt>
                <c:pt idx="15">
                  <c:v>2251 - 2400</c:v>
                </c:pt>
                <c:pt idx="16">
                  <c:v>2401 - 2550</c:v>
                </c:pt>
                <c:pt idx="17">
                  <c:v>2550 - 2700</c:v>
                </c:pt>
                <c:pt idx="18">
                  <c:v>2700 - 2850</c:v>
                </c:pt>
                <c:pt idx="19">
                  <c:v>2851 - 3000</c:v>
                </c:pt>
                <c:pt idx="20">
                  <c:v>3001 - 3150</c:v>
                </c:pt>
                <c:pt idx="21">
                  <c:v>3151 - 3300</c:v>
                </c:pt>
                <c:pt idx="22">
                  <c:v>3301 - 3450</c:v>
                </c:pt>
                <c:pt idx="23">
                  <c:v>3451 - 3600</c:v>
                </c:pt>
                <c:pt idx="24">
                  <c:v>3601 - 3750</c:v>
                </c:pt>
                <c:pt idx="25">
                  <c:v>3751 - 3900</c:v>
                </c:pt>
                <c:pt idx="26">
                  <c:v>3901 - 4050</c:v>
                </c:pt>
                <c:pt idx="27">
                  <c:v>4051 - 4200</c:v>
                </c:pt>
                <c:pt idx="28">
                  <c:v>4201 - 4350</c:v>
                </c:pt>
                <c:pt idx="29">
                  <c:v>4351 - 4500</c:v>
                </c:pt>
                <c:pt idx="30">
                  <c:v>Over 4500</c:v>
                </c:pt>
              </c:strCache>
            </c:strRef>
          </c:cat>
          <c:val>
            <c:numRef>
              <c:f>Summary!$N$4:$N$34</c:f>
              <c:numCache>
                <c:formatCode>General</c:formatCode>
                <c:ptCount val="31"/>
                <c:pt idx="0">
                  <c:v>8672</c:v>
                </c:pt>
                <c:pt idx="1">
                  <c:v>7346</c:v>
                </c:pt>
                <c:pt idx="2">
                  <c:v>9429</c:v>
                </c:pt>
                <c:pt idx="3">
                  <c:v>10964</c:v>
                </c:pt>
                <c:pt idx="4">
                  <c:v>11518</c:v>
                </c:pt>
                <c:pt idx="5">
                  <c:v>12071</c:v>
                </c:pt>
                <c:pt idx="6">
                  <c:v>12125</c:v>
                </c:pt>
                <c:pt idx="7">
                  <c:v>11619</c:v>
                </c:pt>
                <c:pt idx="8">
                  <c:v>10559</c:v>
                </c:pt>
                <c:pt idx="9">
                  <c:v>9026</c:v>
                </c:pt>
                <c:pt idx="10">
                  <c:v>7325</c:v>
                </c:pt>
                <c:pt idx="11">
                  <c:v>5628</c:v>
                </c:pt>
                <c:pt idx="12">
                  <c:v>4232</c:v>
                </c:pt>
                <c:pt idx="13">
                  <c:v>3032</c:v>
                </c:pt>
                <c:pt idx="14">
                  <c:v>2264</c:v>
                </c:pt>
                <c:pt idx="15">
                  <c:v>1596</c:v>
                </c:pt>
                <c:pt idx="16">
                  <c:v>1219</c:v>
                </c:pt>
                <c:pt idx="17">
                  <c:v>888</c:v>
                </c:pt>
                <c:pt idx="18">
                  <c:v>646</c:v>
                </c:pt>
                <c:pt idx="19">
                  <c:v>504</c:v>
                </c:pt>
                <c:pt idx="20">
                  <c:v>373</c:v>
                </c:pt>
                <c:pt idx="21">
                  <c:v>267</c:v>
                </c:pt>
                <c:pt idx="22">
                  <c:v>217</c:v>
                </c:pt>
                <c:pt idx="23">
                  <c:v>150</c:v>
                </c:pt>
                <c:pt idx="24">
                  <c:v>112</c:v>
                </c:pt>
                <c:pt idx="25">
                  <c:v>67</c:v>
                </c:pt>
                <c:pt idx="26">
                  <c:v>66</c:v>
                </c:pt>
                <c:pt idx="27">
                  <c:v>56</c:v>
                </c:pt>
                <c:pt idx="28">
                  <c:v>41</c:v>
                </c:pt>
                <c:pt idx="29">
                  <c:v>33</c:v>
                </c:pt>
                <c:pt idx="30">
                  <c:v>16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538-44C7-A96E-6E8E13D479D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261755744"/>
        <c:axId val="1261757384"/>
      </c:lineChart>
      <c:catAx>
        <c:axId val="12617557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57384"/>
        <c:crosses val="autoZero"/>
        <c:auto val="1"/>
        <c:lblAlgn val="ctr"/>
        <c:lblOffset val="100"/>
        <c:noMultiLvlLbl val="0"/>
      </c:catAx>
      <c:valAx>
        <c:axId val="12617573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26175574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7.xml"/><Relationship Id="rId13" Type="http://schemas.openxmlformats.org/officeDocument/2006/relationships/chart" Target="../charts/chart12.xml"/><Relationship Id="rId18" Type="http://schemas.openxmlformats.org/officeDocument/2006/relationships/chart" Target="../charts/chart17.xml"/><Relationship Id="rId3" Type="http://schemas.openxmlformats.org/officeDocument/2006/relationships/chart" Target="../charts/chart2.xml"/><Relationship Id="rId7" Type="http://schemas.openxmlformats.org/officeDocument/2006/relationships/chart" Target="../charts/chart6.xml"/><Relationship Id="rId12" Type="http://schemas.openxmlformats.org/officeDocument/2006/relationships/chart" Target="../charts/chart11.xml"/><Relationship Id="rId17" Type="http://schemas.openxmlformats.org/officeDocument/2006/relationships/chart" Target="../charts/chart16.xml"/><Relationship Id="rId2" Type="http://schemas.openxmlformats.org/officeDocument/2006/relationships/chart" Target="../charts/chart1.xml"/><Relationship Id="rId16" Type="http://schemas.openxmlformats.org/officeDocument/2006/relationships/chart" Target="../charts/chart15.xml"/><Relationship Id="rId1" Type="http://schemas.openxmlformats.org/officeDocument/2006/relationships/image" Target="../media/image1.png"/><Relationship Id="rId6" Type="http://schemas.openxmlformats.org/officeDocument/2006/relationships/chart" Target="../charts/chart5.xml"/><Relationship Id="rId11" Type="http://schemas.openxmlformats.org/officeDocument/2006/relationships/chart" Target="../charts/chart10.xml"/><Relationship Id="rId5" Type="http://schemas.openxmlformats.org/officeDocument/2006/relationships/chart" Target="../charts/chart4.xml"/><Relationship Id="rId15" Type="http://schemas.openxmlformats.org/officeDocument/2006/relationships/chart" Target="../charts/chart14.xml"/><Relationship Id="rId10" Type="http://schemas.openxmlformats.org/officeDocument/2006/relationships/chart" Target="../charts/chart9.xml"/><Relationship Id="rId19" Type="http://schemas.openxmlformats.org/officeDocument/2006/relationships/chart" Target="../charts/chart18.xml"/><Relationship Id="rId4" Type="http://schemas.openxmlformats.org/officeDocument/2006/relationships/chart" Target="../charts/chart3.xml"/><Relationship Id="rId9" Type="http://schemas.openxmlformats.org/officeDocument/2006/relationships/chart" Target="../charts/chart8.xml"/><Relationship Id="rId14" Type="http://schemas.openxmlformats.org/officeDocument/2006/relationships/chart" Target="../charts/chart1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57150</xdr:colOff>
      <xdr:row>1</xdr:row>
      <xdr:rowOff>9525</xdr:rowOff>
    </xdr:from>
    <xdr:to>
      <xdr:col>7</xdr:col>
      <xdr:colOff>374539</xdr:colOff>
      <xdr:row>15</xdr:row>
      <xdr:rowOff>92059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7150" y="200025"/>
          <a:ext cx="4584589" cy="2749534"/>
        </a:xfrm>
        <a:prstGeom prst="rect">
          <a:avLst/>
        </a:prstGeom>
      </xdr:spPr>
    </xdr:pic>
    <xdr:clientData/>
  </xdr:twoCellAnchor>
  <xdr:twoCellAnchor>
    <xdr:from>
      <xdr:col>0</xdr:col>
      <xdr:colOff>0</xdr:colOff>
      <xdr:row>16</xdr:row>
      <xdr:rowOff>28575</xdr:rowOff>
    </xdr:from>
    <xdr:to>
      <xdr:col>7</xdr:col>
      <xdr:colOff>304800</xdr:colOff>
      <xdr:row>30</xdr:row>
      <xdr:rowOff>104775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9</xdr:col>
      <xdr:colOff>200025</xdr:colOff>
      <xdr:row>15</xdr:row>
      <xdr:rowOff>114300</xdr:rowOff>
    </xdr:from>
    <xdr:to>
      <xdr:col>16</xdr:col>
      <xdr:colOff>504825</xdr:colOff>
      <xdr:row>30</xdr:row>
      <xdr:rowOff>0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0</xdr:col>
      <xdr:colOff>171450</xdr:colOff>
      <xdr:row>0</xdr:row>
      <xdr:rowOff>152400</xdr:rowOff>
    </xdr:from>
    <xdr:to>
      <xdr:col>17</xdr:col>
      <xdr:colOff>476250</xdr:colOff>
      <xdr:row>15</xdr:row>
      <xdr:rowOff>38100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0</xdr:col>
      <xdr:colOff>0</xdr:colOff>
      <xdr:row>32</xdr:row>
      <xdr:rowOff>0</xdr:rowOff>
    </xdr:from>
    <xdr:to>
      <xdr:col>7</xdr:col>
      <xdr:colOff>304800</xdr:colOff>
      <xdr:row>46</xdr:row>
      <xdr:rowOff>76200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9</xdr:col>
      <xdr:colOff>0</xdr:colOff>
      <xdr:row>32</xdr:row>
      <xdr:rowOff>0</xdr:rowOff>
    </xdr:from>
    <xdr:to>
      <xdr:col>16</xdr:col>
      <xdr:colOff>304800</xdr:colOff>
      <xdr:row>46</xdr:row>
      <xdr:rowOff>76200</xdr:rowOff>
    </xdr:to>
    <xdr:graphicFrame macro="">
      <xdr:nvGraphicFramePr>
        <xdr:cNvPr id="7" name="Chart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0</xdr:col>
      <xdr:colOff>0</xdr:colOff>
      <xdr:row>48</xdr:row>
      <xdr:rowOff>0</xdr:rowOff>
    </xdr:from>
    <xdr:to>
      <xdr:col>7</xdr:col>
      <xdr:colOff>304800</xdr:colOff>
      <xdr:row>62</xdr:row>
      <xdr:rowOff>76200</xdr:rowOff>
    </xdr:to>
    <xdr:graphicFrame macro="">
      <xdr:nvGraphicFramePr>
        <xdr:cNvPr id="8" name="Chart 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9</xdr:col>
      <xdr:colOff>0</xdr:colOff>
      <xdr:row>48</xdr:row>
      <xdr:rowOff>0</xdr:rowOff>
    </xdr:from>
    <xdr:to>
      <xdr:col>16</xdr:col>
      <xdr:colOff>304800</xdr:colOff>
      <xdr:row>62</xdr:row>
      <xdr:rowOff>76200</xdr:rowOff>
    </xdr:to>
    <xdr:graphicFrame macro="">
      <xdr:nvGraphicFramePr>
        <xdr:cNvPr id="9" name="Chart 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0</xdr:col>
      <xdr:colOff>0</xdr:colOff>
      <xdr:row>63</xdr:row>
      <xdr:rowOff>0</xdr:rowOff>
    </xdr:from>
    <xdr:to>
      <xdr:col>7</xdr:col>
      <xdr:colOff>304800</xdr:colOff>
      <xdr:row>77</xdr:row>
      <xdr:rowOff>76200</xdr:rowOff>
    </xdr:to>
    <xdr:graphicFrame macro="">
      <xdr:nvGraphicFramePr>
        <xdr:cNvPr id="10" name="Chart 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9</xdr:col>
      <xdr:colOff>0</xdr:colOff>
      <xdr:row>63</xdr:row>
      <xdr:rowOff>0</xdr:rowOff>
    </xdr:from>
    <xdr:to>
      <xdr:col>16</xdr:col>
      <xdr:colOff>304800</xdr:colOff>
      <xdr:row>77</xdr:row>
      <xdr:rowOff>76200</xdr:rowOff>
    </xdr:to>
    <xdr:graphicFrame macro="">
      <xdr:nvGraphicFramePr>
        <xdr:cNvPr id="11" name="Chart 1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0</xdr:col>
      <xdr:colOff>0</xdr:colOff>
      <xdr:row>78</xdr:row>
      <xdr:rowOff>0</xdr:rowOff>
    </xdr:from>
    <xdr:to>
      <xdr:col>7</xdr:col>
      <xdr:colOff>304800</xdr:colOff>
      <xdr:row>92</xdr:row>
      <xdr:rowOff>76200</xdr:rowOff>
    </xdr:to>
    <xdr:graphicFrame macro="">
      <xdr:nvGraphicFramePr>
        <xdr:cNvPr id="12" name="Chart 1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9</xdr:col>
      <xdr:colOff>0</xdr:colOff>
      <xdr:row>78</xdr:row>
      <xdr:rowOff>0</xdr:rowOff>
    </xdr:from>
    <xdr:to>
      <xdr:col>16</xdr:col>
      <xdr:colOff>304800</xdr:colOff>
      <xdr:row>92</xdr:row>
      <xdr:rowOff>76200</xdr:rowOff>
    </xdr:to>
    <xdr:graphicFrame macro="">
      <xdr:nvGraphicFramePr>
        <xdr:cNvPr id="13" name="Chart 1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2"/>
        </a:graphicData>
      </a:graphic>
    </xdr:graphicFrame>
    <xdr:clientData/>
  </xdr:twoCellAnchor>
  <xdr:twoCellAnchor>
    <xdr:from>
      <xdr:col>0</xdr:col>
      <xdr:colOff>0</xdr:colOff>
      <xdr:row>93</xdr:row>
      <xdr:rowOff>0</xdr:rowOff>
    </xdr:from>
    <xdr:to>
      <xdr:col>7</xdr:col>
      <xdr:colOff>304800</xdr:colOff>
      <xdr:row>107</xdr:row>
      <xdr:rowOff>76200</xdr:rowOff>
    </xdr:to>
    <xdr:graphicFrame macro="">
      <xdr:nvGraphicFramePr>
        <xdr:cNvPr id="14" name="Chart 1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3"/>
        </a:graphicData>
      </a:graphic>
    </xdr:graphicFrame>
    <xdr:clientData/>
  </xdr:twoCellAnchor>
  <xdr:twoCellAnchor>
    <xdr:from>
      <xdr:col>9</xdr:col>
      <xdr:colOff>0</xdr:colOff>
      <xdr:row>93</xdr:row>
      <xdr:rowOff>0</xdr:rowOff>
    </xdr:from>
    <xdr:to>
      <xdr:col>16</xdr:col>
      <xdr:colOff>304800</xdr:colOff>
      <xdr:row>107</xdr:row>
      <xdr:rowOff>76200</xdr:rowOff>
    </xdr:to>
    <xdr:graphicFrame macro="">
      <xdr:nvGraphicFramePr>
        <xdr:cNvPr id="15" name="Chart 1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4"/>
        </a:graphicData>
      </a:graphic>
    </xdr:graphicFrame>
    <xdr:clientData/>
  </xdr:twoCellAnchor>
  <xdr:twoCellAnchor>
    <xdr:from>
      <xdr:col>0</xdr:col>
      <xdr:colOff>0</xdr:colOff>
      <xdr:row>108</xdr:row>
      <xdr:rowOff>0</xdr:rowOff>
    </xdr:from>
    <xdr:to>
      <xdr:col>7</xdr:col>
      <xdr:colOff>304800</xdr:colOff>
      <xdr:row>122</xdr:row>
      <xdr:rowOff>76200</xdr:rowOff>
    </xdr:to>
    <xdr:graphicFrame macro="">
      <xdr:nvGraphicFramePr>
        <xdr:cNvPr id="16" name="Chart 1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5"/>
        </a:graphicData>
      </a:graphic>
    </xdr:graphicFrame>
    <xdr:clientData/>
  </xdr:twoCellAnchor>
  <xdr:twoCellAnchor>
    <xdr:from>
      <xdr:col>9</xdr:col>
      <xdr:colOff>0</xdr:colOff>
      <xdr:row>108</xdr:row>
      <xdr:rowOff>0</xdr:rowOff>
    </xdr:from>
    <xdr:to>
      <xdr:col>16</xdr:col>
      <xdr:colOff>304800</xdr:colOff>
      <xdr:row>122</xdr:row>
      <xdr:rowOff>76200</xdr:rowOff>
    </xdr:to>
    <xdr:graphicFrame macro="">
      <xdr:nvGraphicFramePr>
        <xdr:cNvPr id="17" name="Chart 1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6"/>
        </a:graphicData>
      </a:graphic>
    </xdr:graphicFrame>
    <xdr:clientData/>
  </xdr:twoCellAnchor>
  <xdr:twoCellAnchor>
    <xdr:from>
      <xdr:col>0</xdr:col>
      <xdr:colOff>0</xdr:colOff>
      <xdr:row>123</xdr:row>
      <xdr:rowOff>0</xdr:rowOff>
    </xdr:from>
    <xdr:to>
      <xdr:col>7</xdr:col>
      <xdr:colOff>304800</xdr:colOff>
      <xdr:row>137</xdr:row>
      <xdr:rowOff>76200</xdr:rowOff>
    </xdr:to>
    <xdr:graphicFrame macro="">
      <xdr:nvGraphicFramePr>
        <xdr:cNvPr id="18" name="Chart 1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7"/>
        </a:graphicData>
      </a:graphic>
    </xdr:graphicFrame>
    <xdr:clientData/>
  </xdr:twoCellAnchor>
  <xdr:twoCellAnchor>
    <xdr:from>
      <xdr:col>9</xdr:col>
      <xdr:colOff>0</xdr:colOff>
      <xdr:row>123</xdr:row>
      <xdr:rowOff>0</xdr:rowOff>
    </xdr:from>
    <xdr:to>
      <xdr:col>16</xdr:col>
      <xdr:colOff>304800</xdr:colOff>
      <xdr:row>137</xdr:row>
      <xdr:rowOff>76200</xdr:rowOff>
    </xdr:to>
    <xdr:graphicFrame macro="">
      <xdr:nvGraphicFramePr>
        <xdr:cNvPr id="19" name="Chart 1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8"/>
        </a:graphicData>
      </a:graphic>
    </xdr:graphicFrame>
    <xdr:clientData/>
  </xdr:twoCellAnchor>
  <xdr:twoCellAnchor>
    <xdr:from>
      <xdr:col>0</xdr:col>
      <xdr:colOff>0</xdr:colOff>
      <xdr:row>138</xdr:row>
      <xdr:rowOff>0</xdr:rowOff>
    </xdr:from>
    <xdr:to>
      <xdr:col>7</xdr:col>
      <xdr:colOff>304800</xdr:colOff>
      <xdr:row>152</xdr:row>
      <xdr:rowOff>76200</xdr:rowOff>
    </xdr:to>
    <xdr:graphicFrame macro="">
      <xdr:nvGraphicFramePr>
        <xdr:cNvPr id="20" name="Chart 1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9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34"/>
  <sheetViews>
    <sheetView tabSelected="1" workbookViewId="0">
      <selection activeCell="K8" sqref="K8"/>
    </sheetView>
  </sheetViews>
  <sheetFormatPr defaultRowHeight="15" x14ac:dyDescent="0.25"/>
  <cols>
    <col min="1" max="1" width="10.5703125" bestFit="1" customWidth="1"/>
  </cols>
  <sheetData>
    <row r="1" spans="1:20" x14ac:dyDescent="0.25">
      <c r="A1" s="2" t="s">
        <v>51</v>
      </c>
    </row>
    <row r="2" spans="1:20" ht="15.75" thickBot="1" x14ac:dyDescent="0.3"/>
    <row r="3" spans="1:20" ht="15.75" thickBot="1" x14ac:dyDescent="0.3">
      <c r="A3" s="1" t="s">
        <v>50</v>
      </c>
      <c r="B3" s="1" t="s">
        <v>13</v>
      </c>
      <c r="C3" s="1" t="s">
        <v>14</v>
      </c>
      <c r="D3" s="1" t="s">
        <v>15</v>
      </c>
      <c r="E3" s="1" t="s">
        <v>16</v>
      </c>
      <c r="F3" s="1" t="s">
        <v>17</v>
      </c>
      <c r="G3" s="1" t="s">
        <v>18</v>
      </c>
      <c r="H3" s="1" t="s">
        <v>0</v>
      </c>
      <c r="I3" s="1" t="s">
        <v>1</v>
      </c>
      <c r="J3" s="1" t="s">
        <v>2</v>
      </c>
      <c r="K3" s="1" t="s">
        <v>3</v>
      </c>
      <c r="L3" s="1" t="s">
        <v>4</v>
      </c>
      <c r="M3" s="1" t="s">
        <v>5</v>
      </c>
      <c r="N3" s="1" t="s">
        <v>6</v>
      </c>
      <c r="O3" s="1" t="s">
        <v>7</v>
      </c>
      <c r="P3" s="1" t="s">
        <v>8</v>
      </c>
      <c r="Q3" s="1" t="s">
        <v>9</v>
      </c>
      <c r="R3" s="1" t="s">
        <v>10</v>
      </c>
      <c r="S3" s="1" t="s">
        <v>11</v>
      </c>
      <c r="T3" s="1" t="s">
        <v>12</v>
      </c>
    </row>
    <row r="4" spans="1:20" x14ac:dyDescent="0.25">
      <c r="A4" t="s">
        <v>23</v>
      </c>
      <c r="B4">
        <v>8430</v>
      </c>
      <c r="C4">
        <v>9812</v>
      </c>
      <c r="D4">
        <v>9116</v>
      </c>
      <c r="E4">
        <v>8004</v>
      </c>
      <c r="F4">
        <v>7586</v>
      </c>
      <c r="G4">
        <v>7612</v>
      </c>
      <c r="H4">
        <v>8236</v>
      </c>
      <c r="I4">
        <v>8655</v>
      </c>
      <c r="J4">
        <v>6989</v>
      </c>
      <c r="K4">
        <v>6579</v>
      </c>
      <c r="L4">
        <v>7153</v>
      </c>
      <c r="M4">
        <v>7380</v>
      </c>
      <c r="N4">
        <v>8672</v>
      </c>
      <c r="O4">
        <v>9804</v>
      </c>
      <c r="P4">
        <v>8839</v>
      </c>
      <c r="Q4">
        <v>7895</v>
      </c>
      <c r="R4">
        <v>7294</v>
      </c>
      <c r="S4">
        <v>7556</v>
      </c>
      <c r="T4">
        <v>9280</v>
      </c>
    </row>
    <row r="5" spans="1:20" x14ac:dyDescent="0.25">
      <c r="A5" t="s">
        <v>19</v>
      </c>
      <c r="B5">
        <v>7264</v>
      </c>
      <c r="C5">
        <v>8638</v>
      </c>
      <c r="D5">
        <v>7261</v>
      </c>
      <c r="E5">
        <v>5666</v>
      </c>
      <c r="F5">
        <v>4972</v>
      </c>
      <c r="G5">
        <v>5468</v>
      </c>
      <c r="H5">
        <v>6578</v>
      </c>
      <c r="I5">
        <v>7493</v>
      </c>
      <c r="J5">
        <v>4987</v>
      </c>
      <c r="K5">
        <v>4616</v>
      </c>
      <c r="L5">
        <v>5408</v>
      </c>
      <c r="M5">
        <v>5843</v>
      </c>
      <c r="N5">
        <v>7346</v>
      </c>
      <c r="O5">
        <v>8343</v>
      </c>
      <c r="P5">
        <v>6510</v>
      </c>
      <c r="Q5">
        <v>5475</v>
      </c>
      <c r="R5">
        <v>4473</v>
      </c>
      <c r="S5">
        <v>5586</v>
      </c>
      <c r="T5">
        <v>8393</v>
      </c>
    </row>
    <row r="6" spans="1:20" x14ac:dyDescent="0.25">
      <c r="A6" t="s">
        <v>20</v>
      </c>
      <c r="B6">
        <v>9771</v>
      </c>
      <c r="C6">
        <v>11985</v>
      </c>
      <c r="D6">
        <v>9713</v>
      </c>
      <c r="E6">
        <v>7096</v>
      </c>
      <c r="F6">
        <v>6100</v>
      </c>
      <c r="G6">
        <v>6939</v>
      </c>
      <c r="H6">
        <v>8911</v>
      </c>
      <c r="I6">
        <v>10287</v>
      </c>
      <c r="J6">
        <v>6631</v>
      </c>
      <c r="K6">
        <v>5830</v>
      </c>
      <c r="L6">
        <v>7512</v>
      </c>
      <c r="M6">
        <v>8225</v>
      </c>
      <c r="N6">
        <v>9429</v>
      </c>
      <c r="O6">
        <v>10729</v>
      </c>
      <c r="P6">
        <v>8421</v>
      </c>
      <c r="Q6">
        <v>6571</v>
      </c>
      <c r="R6">
        <v>5503</v>
      </c>
      <c r="S6">
        <v>6864</v>
      </c>
      <c r="T6">
        <v>11921</v>
      </c>
    </row>
    <row r="7" spans="1:20" x14ac:dyDescent="0.25">
      <c r="A7" t="s">
        <v>21</v>
      </c>
      <c r="B7">
        <v>10910</v>
      </c>
      <c r="C7">
        <v>14850</v>
      </c>
      <c r="D7">
        <v>11897</v>
      </c>
      <c r="E7">
        <v>8578</v>
      </c>
      <c r="F7">
        <v>7631</v>
      </c>
      <c r="G7">
        <v>8758</v>
      </c>
      <c r="H7">
        <v>11555</v>
      </c>
      <c r="I7">
        <v>12158</v>
      </c>
      <c r="J7">
        <v>7909</v>
      </c>
      <c r="K7">
        <v>7231</v>
      </c>
      <c r="L7">
        <v>8773</v>
      </c>
      <c r="M7">
        <v>9279</v>
      </c>
      <c r="N7">
        <v>10964</v>
      </c>
      <c r="O7">
        <v>12651</v>
      </c>
      <c r="P7">
        <v>10767</v>
      </c>
      <c r="Q7">
        <v>8289</v>
      </c>
      <c r="R7">
        <v>6946</v>
      </c>
      <c r="S7">
        <v>9025</v>
      </c>
      <c r="T7">
        <v>15136</v>
      </c>
    </row>
    <row r="8" spans="1:20" x14ac:dyDescent="0.25">
      <c r="A8" t="s">
        <v>22</v>
      </c>
      <c r="B8">
        <v>11226</v>
      </c>
      <c r="C8">
        <v>16523</v>
      </c>
      <c r="D8">
        <v>13500</v>
      </c>
      <c r="E8">
        <v>10272</v>
      </c>
      <c r="F8">
        <v>9260</v>
      </c>
      <c r="G8">
        <v>10393</v>
      </c>
      <c r="H8">
        <v>13575</v>
      </c>
      <c r="I8">
        <v>13060</v>
      </c>
      <c r="J8">
        <v>8077</v>
      </c>
      <c r="K8">
        <v>7502</v>
      </c>
      <c r="L8">
        <v>8586</v>
      </c>
      <c r="M8">
        <v>8855</v>
      </c>
      <c r="N8">
        <v>11518</v>
      </c>
      <c r="O8">
        <v>13749</v>
      </c>
      <c r="P8">
        <v>12867</v>
      </c>
      <c r="Q8">
        <v>9873</v>
      </c>
      <c r="R8">
        <v>8505</v>
      </c>
      <c r="S8">
        <v>10552</v>
      </c>
      <c r="T8">
        <v>16804</v>
      </c>
    </row>
    <row r="9" spans="1:20" x14ac:dyDescent="0.25">
      <c r="A9" t="s">
        <v>24</v>
      </c>
      <c r="B9">
        <v>11153</v>
      </c>
      <c r="C9">
        <v>16115</v>
      </c>
      <c r="D9">
        <v>14240</v>
      </c>
      <c r="E9">
        <v>11310</v>
      </c>
      <c r="F9">
        <v>10582</v>
      </c>
      <c r="G9">
        <v>11522</v>
      </c>
      <c r="H9">
        <v>14740</v>
      </c>
      <c r="I9">
        <v>13181</v>
      </c>
      <c r="J9">
        <v>7645</v>
      </c>
      <c r="K9">
        <v>7248</v>
      </c>
      <c r="L9">
        <v>7703</v>
      </c>
      <c r="M9">
        <v>8115</v>
      </c>
      <c r="N9">
        <v>12071</v>
      </c>
      <c r="O9">
        <v>14212</v>
      </c>
      <c r="P9">
        <v>13652</v>
      </c>
      <c r="Q9">
        <v>11252</v>
      </c>
      <c r="R9">
        <v>9773</v>
      </c>
      <c r="S9">
        <v>11849</v>
      </c>
      <c r="T9">
        <v>16409</v>
      </c>
    </row>
    <row r="10" spans="1:20" x14ac:dyDescent="0.25">
      <c r="A10" t="s">
        <v>25</v>
      </c>
      <c r="B10">
        <v>11059</v>
      </c>
      <c r="C10">
        <v>14321</v>
      </c>
      <c r="D10">
        <v>13416</v>
      </c>
      <c r="E10">
        <v>11731</v>
      </c>
      <c r="F10">
        <v>11356</v>
      </c>
      <c r="G10">
        <v>12361</v>
      </c>
      <c r="H10">
        <v>14043</v>
      </c>
      <c r="I10">
        <v>12544</v>
      </c>
      <c r="J10">
        <v>7048</v>
      </c>
      <c r="K10">
        <v>6895</v>
      </c>
      <c r="L10">
        <v>7263</v>
      </c>
      <c r="M10">
        <v>7777</v>
      </c>
      <c r="N10">
        <v>12125</v>
      </c>
      <c r="O10">
        <v>13602</v>
      </c>
      <c r="P10">
        <v>13684</v>
      </c>
      <c r="Q10">
        <v>11655</v>
      </c>
      <c r="R10">
        <v>10512</v>
      </c>
      <c r="S10">
        <v>12265</v>
      </c>
      <c r="T10">
        <v>14112</v>
      </c>
    </row>
    <row r="11" spans="1:20" x14ac:dyDescent="0.25">
      <c r="A11" t="s">
        <v>26</v>
      </c>
      <c r="B11">
        <v>10742</v>
      </c>
      <c r="C11">
        <v>11642</v>
      </c>
      <c r="D11">
        <v>11855</v>
      </c>
      <c r="E11">
        <v>11429</v>
      </c>
      <c r="F11">
        <v>11259</v>
      </c>
      <c r="G11">
        <v>11789</v>
      </c>
      <c r="H11">
        <v>12329</v>
      </c>
      <c r="I11">
        <v>11247</v>
      </c>
      <c r="J11">
        <v>6669</v>
      </c>
      <c r="K11">
        <v>6489</v>
      </c>
      <c r="L11">
        <v>6843</v>
      </c>
      <c r="M11">
        <v>7617</v>
      </c>
      <c r="N11">
        <v>11619</v>
      </c>
      <c r="O11">
        <v>11941</v>
      </c>
      <c r="P11">
        <v>12318</v>
      </c>
      <c r="Q11">
        <v>11340</v>
      </c>
      <c r="R11">
        <v>11096</v>
      </c>
      <c r="S11">
        <v>11722</v>
      </c>
      <c r="T11">
        <v>11112</v>
      </c>
    </row>
    <row r="12" spans="1:20" x14ac:dyDescent="0.25">
      <c r="A12" t="s">
        <v>27</v>
      </c>
      <c r="B12">
        <v>9919</v>
      </c>
      <c r="C12">
        <v>8674</v>
      </c>
      <c r="D12">
        <v>9917</v>
      </c>
      <c r="E12">
        <v>10487</v>
      </c>
      <c r="F12">
        <v>10632</v>
      </c>
      <c r="G12">
        <v>10815</v>
      </c>
      <c r="H12">
        <v>10197</v>
      </c>
      <c r="I12">
        <v>9687</v>
      </c>
      <c r="J12">
        <v>6728</v>
      </c>
      <c r="K12">
        <v>6469</v>
      </c>
      <c r="L12">
        <v>6941</v>
      </c>
      <c r="M12">
        <v>7616</v>
      </c>
      <c r="N12">
        <v>10559</v>
      </c>
      <c r="O12">
        <v>9941</v>
      </c>
      <c r="P12">
        <v>10555</v>
      </c>
      <c r="Q12">
        <v>10515</v>
      </c>
      <c r="R12">
        <v>10511</v>
      </c>
      <c r="S12">
        <v>10777</v>
      </c>
      <c r="T12">
        <v>8270</v>
      </c>
    </row>
    <row r="13" spans="1:20" x14ac:dyDescent="0.25">
      <c r="A13" t="s">
        <v>28</v>
      </c>
      <c r="B13">
        <v>8615</v>
      </c>
      <c r="C13">
        <v>6364</v>
      </c>
      <c r="D13">
        <v>7839</v>
      </c>
      <c r="E13">
        <v>9106</v>
      </c>
      <c r="F13">
        <v>9563</v>
      </c>
      <c r="G13">
        <v>9263</v>
      </c>
      <c r="H13">
        <v>8129</v>
      </c>
      <c r="I13">
        <v>7893</v>
      </c>
      <c r="J13">
        <v>6845</v>
      </c>
      <c r="K13">
        <v>6396</v>
      </c>
      <c r="L13">
        <v>7043</v>
      </c>
      <c r="M13">
        <v>7576</v>
      </c>
      <c r="N13">
        <v>9026</v>
      </c>
      <c r="O13">
        <v>7696</v>
      </c>
      <c r="P13">
        <v>8411</v>
      </c>
      <c r="Q13">
        <v>9211</v>
      </c>
      <c r="R13">
        <v>9680</v>
      </c>
      <c r="S13">
        <v>9226</v>
      </c>
      <c r="T13">
        <v>6107</v>
      </c>
    </row>
    <row r="14" spans="1:20" x14ac:dyDescent="0.25">
      <c r="A14" t="s">
        <v>29</v>
      </c>
      <c r="B14">
        <v>7352</v>
      </c>
      <c r="C14">
        <v>4385</v>
      </c>
      <c r="D14">
        <v>5904</v>
      </c>
      <c r="E14">
        <v>7762</v>
      </c>
      <c r="F14">
        <v>8252</v>
      </c>
      <c r="G14">
        <v>8001</v>
      </c>
      <c r="H14">
        <v>5915</v>
      </c>
      <c r="I14">
        <v>6242</v>
      </c>
      <c r="J14">
        <v>7035</v>
      </c>
      <c r="K14">
        <v>6589</v>
      </c>
      <c r="L14">
        <v>7236</v>
      </c>
      <c r="M14">
        <v>7507</v>
      </c>
      <c r="N14">
        <v>7325</v>
      </c>
      <c r="O14">
        <v>5604</v>
      </c>
      <c r="P14">
        <v>6588</v>
      </c>
      <c r="Q14">
        <v>7960</v>
      </c>
      <c r="R14">
        <v>8569</v>
      </c>
      <c r="S14">
        <v>7721</v>
      </c>
      <c r="T14">
        <v>4350</v>
      </c>
    </row>
    <row r="15" spans="1:20" x14ac:dyDescent="0.25">
      <c r="A15" t="s">
        <v>30</v>
      </c>
      <c r="B15">
        <v>5994</v>
      </c>
      <c r="C15">
        <v>2939</v>
      </c>
      <c r="D15">
        <v>4485</v>
      </c>
      <c r="E15">
        <v>6349</v>
      </c>
      <c r="F15">
        <v>7060</v>
      </c>
      <c r="G15">
        <v>6338</v>
      </c>
      <c r="H15">
        <v>4571</v>
      </c>
      <c r="I15">
        <v>4900</v>
      </c>
      <c r="J15">
        <v>6872</v>
      </c>
      <c r="K15">
        <v>6604</v>
      </c>
      <c r="L15">
        <v>6853</v>
      </c>
      <c r="M15">
        <v>7026</v>
      </c>
      <c r="N15">
        <v>5628</v>
      </c>
      <c r="O15">
        <v>4049</v>
      </c>
      <c r="P15">
        <v>5094</v>
      </c>
      <c r="Q15">
        <v>6456</v>
      </c>
      <c r="R15">
        <v>7402</v>
      </c>
      <c r="S15">
        <v>6282</v>
      </c>
      <c r="T15">
        <v>3075</v>
      </c>
    </row>
    <row r="16" spans="1:20" x14ac:dyDescent="0.25">
      <c r="A16" t="s">
        <v>31</v>
      </c>
      <c r="B16">
        <v>4843</v>
      </c>
      <c r="C16">
        <v>2000</v>
      </c>
      <c r="D16">
        <v>3385</v>
      </c>
      <c r="E16">
        <v>5037</v>
      </c>
      <c r="F16">
        <v>5751</v>
      </c>
      <c r="G16">
        <v>5045</v>
      </c>
      <c r="H16">
        <v>3446</v>
      </c>
      <c r="I16">
        <v>3678</v>
      </c>
      <c r="J16">
        <v>6547</v>
      </c>
      <c r="K16">
        <v>6427</v>
      </c>
      <c r="L16">
        <v>6642</v>
      </c>
      <c r="M16">
        <v>6377</v>
      </c>
      <c r="N16">
        <v>4232</v>
      </c>
      <c r="O16">
        <v>2841</v>
      </c>
      <c r="P16">
        <v>3732</v>
      </c>
      <c r="Q16">
        <v>5255</v>
      </c>
      <c r="R16">
        <v>6244</v>
      </c>
      <c r="S16">
        <v>5004</v>
      </c>
      <c r="T16">
        <v>2147</v>
      </c>
    </row>
    <row r="17" spans="1:20" x14ac:dyDescent="0.25">
      <c r="A17" t="s">
        <v>32</v>
      </c>
      <c r="B17">
        <v>3580</v>
      </c>
      <c r="C17">
        <v>1345</v>
      </c>
      <c r="D17">
        <v>2549</v>
      </c>
      <c r="E17">
        <v>4315</v>
      </c>
      <c r="F17">
        <v>4612</v>
      </c>
      <c r="G17">
        <v>4062</v>
      </c>
      <c r="H17">
        <v>2545</v>
      </c>
      <c r="I17">
        <v>2865</v>
      </c>
      <c r="J17">
        <v>6104</v>
      </c>
      <c r="K17">
        <v>6286</v>
      </c>
      <c r="L17">
        <v>5942</v>
      </c>
      <c r="M17">
        <v>5594</v>
      </c>
      <c r="N17">
        <v>3032</v>
      </c>
      <c r="O17">
        <v>2070</v>
      </c>
      <c r="P17">
        <v>2777</v>
      </c>
      <c r="Q17">
        <v>4422</v>
      </c>
      <c r="R17">
        <v>5096</v>
      </c>
      <c r="S17">
        <v>4014</v>
      </c>
      <c r="T17">
        <v>1588</v>
      </c>
    </row>
    <row r="18" spans="1:20" x14ac:dyDescent="0.25">
      <c r="A18" t="s">
        <v>33</v>
      </c>
      <c r="B18">
        <v>2800</v>
      </c>
      <c r="C18">
        <v>908</v>
      </c>
      <c r="D18">
        <v>1897</v>
      </c>
      <c r="E18">
        <v>3297</v>
      </c>
      <c r="F18">
        <v>3748</v>
      </c>
      <c r="G18">
        <v>2994</v>
      </c>
      <c r="H18">
        <v>1865</v>
      </c>
      <c r="I18">
        <v>2101</v>
      </c>
      <c r="J18">
        <v>5610</v>
      </c>
      <c r="K18">
        <v>5834</v>
      </c>
      <c r="L18">
        <v>5351</v>
      </c>
      <c r="M18">
        <v>4958</v>
      </c>
      <c r="N18">
        <v>2264</v>
      </c>
      <c r="O18">
        <v>1352</v>
      </c>
      <c r="P18">
        <v>2134</v>
      </c>
      <c r="Q18">
        <v>3502</v>
      </c>
      <c r="R18">
        <v>4118</v>
      </c>
      <c r="S18">
        <v>3053</v>
      </c>
      <c r="T18">
        <v>1099</v>
      </c>
    </row>
    <row r="19" spans="1:20" x14ac:dyDescent="0.25">
      <c r="A19" t="s">
        <v>34</v>
      </c>
      <c r="B19">
        <v>2259</v>
      </c>
      <c r="C19">
        <v>581</v>
      </c>
      <c r="D19">
        <v>1364</v>
      </c>
      <c r="E19">
        <v>2576</v>
      </c>
      <c r="F19">
        <v>2977</v>
      </c>
      <c r="G19">
        <v>2460</v>
      </c>
      <c r="H19">
        <v>1357</v>
      </c>
      <c r="I19">
        <v>1548</v>
      </c>
      <c r="J19">
        <v>4853</v>
      </c>
      <c r="K19">
        <v>5305</v>
      </c>
      <c r="L19">
        <v>4686</v>
      </c>
      <c r="M19">
        <v>4051</v>
      </c>
      <c r="N19">
        <v>1596</v>
      </c>
      <c r="O19">
        <v>1002</v>
      </c>
      <c r="P19">
        <v>1554</v>
      </c>
      <c r="Q19">
        <v>2744</v>
      </c>
      <c r="R19">
        <v>3355</v>
      </c>
      <c r="S19">
        <v>2551</v>
      </c>
      <c r="T19">
        <v>829</v>
      </c>
    </row>
    <row r="20" spans="1:20" x14ac:dyDescent="0.25">
      <c r="A20" t="s">
        <v>35</v>
      </c>
      <c r="B20">
        <v>1605</v>
      </c>
      <c r="C20">
        <v>438</v>
      </c>
      <c r="D20">
        <v>1057</v>
      </c>
      <c r="E20">
        <v>2041</v>
      </c>
      <c r="F20">
        <v>2313</v>
      </c>
      <c r="G20">
        <v>1917</v>
      </c>
      <c r="H20">
        <v>1044</v>
      </c>
      <c r="I20">
        <v>1150</v>
      </c>
      <c r="J20">
        <v>4336</v>
      </c>
      <c r="K20">
        <v>4618</v>
      </c>
      <c r="L20">
        <v>3972</v>
      </c>
      <c r="M20">
        <v>3422</v>
      </c>
      <c r="N20">
        <v>1219</v>
      </c>
      <c r="O20">
        <v>728</v>
      </c>
      <c r="P20">
        <v>1107</v>
      </c>
      <c r="Q20">
        <v>2277</v>
      </c>
      <c r="R20">
        <v>2699</v>
      </c>
      <c r="S20">
        <v>1954</v>
      </c>
      <c r="T20">
        <v>565</v>
      </c>
    </row>
    <row r="21" spans="1:20" x14ac:dyDescent="0.25">
      <c r="A21" t="s">
        <v>36</v>
      </c>
      <c r="B21">
        <v>1264</v>
      </c>
      <c r="C21">
        <v>278</v>
      </c>
      <c r="D21">
        <v>761</v>
      </c>
      <c r="E21">
        <v>1611</v>
      </c>
      <c r="F21">
        <v>1811</v>
      </c>
      <c r="G21">
        <v>1527</v>
      </c>
      <c r="H21">
        <v>779</v>
      </c>
      <c r="I21">
        <v>882</v>
      </c>
      <c r="J21">
        <v>3692</v>
      </c>
      <c r="K21">
        <v>4072</v>
      </c>
      <c r="L21">
        <v>3292</v>
      </c>
      <c r="M21">
        <v>2898</v>
      </c>
      <c r="N21">
        <v>888</v>
      </c>
      <c r="O21">
        <v>483</v>
      </c>
      <c r="P21">
        <v>852</v>
      </c>
      <c r="Q21">
        <v>1713</v>
      </c>
      <c r="R21">
        <v>2210</v>
      </c>
      <c r="S21">
        <v>1546</v>
      </c>
      <c r="T21">
        <v>431</v>
      </c>
    </row>
    <row r="22" spans="1:20" x14ac:dyDescent="0.25">
      <c r="A22" t="s">
        <v>37</v>
      </c>
      <c r="B22">
        <v>951</v>
      </c>
      <c r="C22">
        <v>229</v>
      </c>
      <c r="D22">
        <v>571</v>
      </c>
      <c r="E22">
        <v>1301</v>
      </c>
      <c r="F22">
        <v>1470</v>
      </c>
      <c r="G22">
        <v>1112</v>
      </c>
      <c r="H22">
        <v>566</v>
      </c>
      <c r="I22">
        <v>617</v>
      </c>
      <c r="J22">
        <v>3093</v>
      </c>
      <c r="K22">
        <v>3536</v>
      </c>
      <c r="L22">
        <v>2833</v>
      </c>
      <c r="M22">
        <v>2329</v>
      </c>
      <c r="N22">
        <v>646</v>
      </c>
      <c r="O22">
        <v>401</v>
      </c>
      <c r="P22">
        <v>654</v>
      </c>
      <c r="Q22">
        <v>1413</v>
      </c>
      <c r="R22">
        <v>1806</v>
      </c>
      <c r="S22">
        <v>1236</v>
      </c>
      <c r="T22">
        <v>321</v>
      </c>
    </row>
    <row r="23" spans="1:20" x14ac:dyDescent="0.25">
      <c r="A23" t="s">
        <v>38</v>
      </c>
      <c r="B23">
        <v>753</v>
      </c>
      <c r="C23">
        <v>159</v>
      </c>
      <c r="D23">
        <v>432</v>
      </c>
      <c r="E23">
        <v>979</v>
      </c>
      <c r="F23">
        <v>1188</v>
      </c>
      <c r="G23">
        <v>858</v>
      </c>
      <c r="H23">
        <v>435</v>
      </c>
      <c r="I23">
        <v>490</v>
      </c>
      <c r="J23">
        <v>2657</v>
      </c>
      <c r="K23">
        <v>3074</v>
      </c>
      <c r="L23">
        <v>2237</v>
      </c>
      <c r="M23">
        <v>1884</v>
      </c>
      <c r="N23">
        <v>504</v>
      </c>
      <c r="O23">
        <v>275</v>
      </c>
      <c r="P23">
        <v>468</v>
      </c>
      <c r="Q23">
        <v>1058</v>
      </c>
      <c r="R23">
        <v>1464</v>
      </c>
      <c r="S23">
        <v>943</v>
      </c>
      <c r="T23">
        <v>243</v>
      </c>
    </row>
    <row r="24" spans="1:20" x14ac:dyDescent="0.25">
      <c r="A24" t="s">
        <v>39</v>
      </c>
      <c r="B24">
        <v>554</v>
      </c>
      <c r="C24">
        <v>132</v>
      </c>
      <c r="D24">
        <v>302</v>
      </c>
      <c r="E24">
        <v>717</v>
      </c>
      <c r="F24">
        <v>924</v>
      </c>
      <c r="G24">
        <v>645</v>
      </c>
      <c r="H24">
        <v>294</v>
      </c>
      <c r="I24">
        <v>370</v>
      </c>
      <c r="J24">
        <v>2116</v>
      </c>
      <c r="K24">
        <v>2548</v>
      </c>
      <c r="L24">
        <v>1848</v>
      </c>
      <c r="M24">
        <v>1510</v>
      </c>
      <c r="N24">
        <v>373</v>
      </c>
      <c r="O24">
        <v>217</v>
      </c>
      <c r="P24">
        <v>348</v>
      </c>
      <c r="Q24">
        <v>812</v>
      </c>
      <c r="R24">
        <v>1202</v>
      </c>
      <c r="S24">
        <v>717</v>
      </c>
      <c r="T24">
        <v>194</v>
      </c>
    </row>
    <row r="25" spans="1:20" x14ac:dyDescent="0.25">
      <c r="A25" t="s">
        <v>40</v>
      </c>
      <c r="B25">
        <v>469</v>
      </c>
      <c r="C25">
        <v>67</v>
      </c>
      <c r="D25">
        <v>227</v>
      </c>
      <c r="E25">
        <v>575</v>
      </c>
      <c r="F25">
        <v>717</v>
      </c>
      <c r="G25">
        <v>555</v>
      </c>
      <c r="H25">
        <v>223</v>
      </c>
      <c r="I25">
        <v>260</v>
      </c>
      <c r="J25">
        <v>1818</v>
      </c>
      <c r="K25">
        <v>2143</v>
      </c>
      <c r="L25">
        <v>1538</v>
      </c>
      <c r="M25">
        <v>1133</v>
      </c>
      <c r="N25">
        <v>267</v>
      </c>
      <c r="O25">
        <v>155</v>
      </c>
      <c r="P25">
        <v>276</v>
      </c>
      <c r="Q25">
        <v>618</v>
      </c>
      <c r="R25">
        <v>921</v>
      </c>
      <c r="S25">
        <v>523</v>
      </c>
      <c r="T25">
        <v>148</v>
      </c>
    </row>
    <row r="26" spans="1:20" x14ac:dyDescent="0.25">
      <c r="A26" t="s">
        <v>41</v>
      </c>
      <c r="B26">
        <v>344</v>
      </c>
      <c r="C26">
        <v>65</v>
      </c>
      <c r="D26">
        <v>151</v>
      </c>
      <c r="E26">
        <v>453</v>
      </c>
      <c r="F26">
        <v>536</v>
      </c>
      <c r="G26">
        <v>381</v>
      </c>
      <c r="H26">
        <v>182</v>
      </c>
      <c r="I26">
        <v>183</v>
      </c>
      <c r="J26">
        <v>1462</v>
      </c>
      <c r="K26">
        <v>1731</v>
      </c>
      <c r="L26">
        <v>1225</v>
      </c>
      <c r="M26">
        <v>1033</v>
      </c>
      <c r="N26">
        <v>217</v>
      </c>
      <c r="O26">
        <v>124</v>
      </c>
      <c r="P26">
        <v>209</v>
      </c>
      <c r="Q26">
        <v>509</v>
      </c>
      <c r="R26">
        <v>688</v>
      </c>
      <c r="S26">
        <v>401</v>
      </c>
      <c r="T26">
        <v>114</v>
      </c>
    </row>
    <row r="27" spans="1:20" x14ac:dyDescent="0.25">
      <c r="A27" t="s">
        <v>42</v>
      </c>
      <c r="B27">
        <v>247</v>
      </c>
      <c r="C27">
        <v>59</v>
      </c>
      <c r="D27">
        <v>139</v>
      </c>
      <c r="E27">
        <v>377</v>
      </c>
      <c r="F27">
        <v>455</v>
      </c>
      <c r="G27">
        <v>301</v>
      </c>
      <c r="H27">
        <v>138</v>
      </c>
      <c r="I27">
        <v>161</v>
      </c>
      <c r="J27">
        <v>1185</v>
      </c>
      <c r="K27">
        <v>1426</v>
      </c>
      <c r="L27">
        <v>960</v>
      </c>
      <c r="M27">
        <v>803</v>
      </c>
      <c r="N27">
        <v>150</v>
      </c>
      <c r="O27">
        <v>73</v>
      </c>
      <c r="P27">
        <v>168</v>
      </c>
      <c r="Q27">
        <v>393</v>
      </c>
      <c r="R27">
        <v>556</v>
      </c>
      <c r="S27">
        <v>328</v>
      </c>
      <c r="T27">
        <v>89</v>
      </c>
    </row>
    <row r="28" spans="1:20" x14ac:dyDescent="0.25">
      <c r="A28" t="s">
        <v>43</v>
      </c>
      <c r="B28">
        <v>183</v>
      </c>
      <c r="C28">
        <v>38</v>
      </c>
      <c r="D28">
        <v>118</v>
      </c>
      <c r="E28">
        <v>278</v>
      </c>
      <c r="F28">
        <v>315</v>
      </c>
      <c r="G28">
        <v>233</v>
      </c>
      <c r="H28">
        <v>113</v>
      </c>
      <c r="I28">
        <v>128</v>
      </c>
      <c r="J28">
        <v>921</v>
      </c>
      <c r="K28">
        <v>1206</v>
      </c>
      <c r="L28">
        <v>778</v>
      </c>
      <c r="M28">
        <v>634</v>
      </c>
      <c r="N28">
        <v>112</v>
      </c>
      <c r="O28">
        <v>73</v>
      </c>
      <c r="P28">
        <v>122</v>
      </c>
      <c r="Q28">
        <v>307</v>
      </c>
      <c r="R28">
        <v>483</v>
      </c>
      <c r="S28">
        <v>275</v>
      </c>
      <c r="T28">
        <v>59</v>
      </c>
    </row>
    <row r="29" spans="1:20" x14ac:dyDescent="0.25">
      <c r="A29" t="s">
        <v>44</v>
      </c>
      <c r="B29">
        <v>150</v>
      </c>
      <c r="C29">
        <v>33</v>
      </c>
      <c r="D29">
        <v>100</v>
      </c>
      <c r="E29">
        <v>233</v>
      </c>
      <c r="F29">
        <v>283</v>
      </c>
      <c r="G29">
        <v>223</v>
      </c>
      <c r="H29">
        <v>80</v>
      </c>
      <c r="I29">
        <v>95</v>
      </c>
      <c r="J29">
        <v>788</v>
      </c>
      <c r="K29">
        <v>986</v>
      </c>
      <c r="L29">
        <v>647</v>
      </c>
      <c r="M29">
        <v>507</v>
      </c>
      <c r="N29">
        <v>67</v>
      </c>
      <c r="O29">
        <v>38</v>
      </c>
      <c r="P29">
        <v>96</v>
      </c>
      <c r="Q29">
        <v>260</v>
      </c>
      <c r="R29">
        <v>349</v>
      </c>
      <c r="S29">
        <v>209</v>
      </c>
      <c r="T29">
        <v>42</v>
      </c>
    </row>
    <row r="30" spans="1:20" x14ac:dyDescent="0.25">
      <c r="A30" t="s">
        <v>45</v>
      </c>
      <c r="B30">
        <v>143</v>
      </c>
      <c r="C30">
        <v>29</v>
      </c>
      <c r="D30">
        <v>79</v>
      </c>
      <c r="E30">
        <v>178</v>
      </c>
      <c r="F30">
        <v>208</v>
      </c>
      <c r="G30">
        <v>164</v>
      </c>
      <c r="H30">
        <v>61</v>
      </c>
      <c r="I30">
        <v>74</v>
      </c>
      <c r="J30">
        <v>656</v>
      </c>
      <c r="K30">
        <v>839</v>
      </c>
      <c r="L30">
        <v>532</v>
      </c>
      <c r="M30">
        <v>398</v>
      </c>
      <c r="N30">
        <v>66</v>
      </c>
      <c r="O30">
        <v>41</v>
      </c>
      <c r="P30">
        <v>76</v>
      </c>
      <c r="Q30">
        <v>188</v>
      </c>
      <c r="R30">
        <v>286</v>
      </c>
      <c r="S30">
        <v>162</v>
      </c>
      <c r="T30">
        <v>43</v>
      </c>
    </row>
    <row r="31" spans="1:20" x14ac:dyDescent="0.25">
      <c r="A31" t="s">
        <v>46</v>
      </c>
      <c r="B31">
        <v>85</v>
      </c>
      <c r="C31">
        <v>23</v>
      </c>
      <c r="D31">
        <v>55</v>
      </c>
      <c r="E31">
        <v>153</v>
      </c>
      <c r="F31">
        <v>155</v>
      </c>
      <c r="G31">
        <v>116</v>
      </c>
      <c r="H31">
        <v>59</v>
      </c>
      <c r="I31">
        <v>46</v>
      </c>
      <c r="J31">
        <v>498</v>
      </c>
      <c r="K31">
        <v>669</v>
      </c>
      <c r="L31">
        <v>428</v>
      </c>
      <c r="M31">
        <v>318</v>
      </c>
      <c r="N31">
        <v>56</v>
      </c>
      <c r="O31">
        <v>24</v>
      </c>
      <c r="P31">
        <v>69</v>
      </c>
      <c r="Q31">
        <v>199</v>
      </c>
      <c r="R31">
        <v>185</v>
      </c>
      <c r="S31">
        <v>140</v>
      </c>
      <c r="T31">
        <v>35</v>
      </c>
    </row>
    <row r="32" spans="1:20" x14ac:dyDescent="0.25">
      <c r="A32" t="s">
        <v>47</v>
      </c>
      <c r="B32">
        <v>68</v>
      </c>
      <c r="C32">
        <v>19</v>
      </c>
      <c r="D32">
        <v>49</v>
      </c>
      <c r="E32">
        <v>99</v>
      </c>
      <c r="F32">
        <v>153</v>
      </c>
      <c r="G32">
        <v>98</v>
      </c>
      <c r="H32">
        <v>42</v>
      </c>
      <c r="I32">
        <v>52</v>
      </c>
      <c r="J32">
        <v>437</v>
      </c>
      <c r="K32">
        <v>548</v>
      </c>
      <c r="L32">
        <v>347</v>
      </c>
      <c r="M32">
        <v>271</v>
      </c>
      <c r="N32">
        <v>41</v>
      </c>
      <c r="O32">
        <v>24</v>
      </c>
      <c r="P32">
        <v>54</v>
      </c>
      <c r="Q32">
        <v>124</v>
      </c>
      <c r="R32">
        <v>185</v>
      </c>
      <c r="S32">
        <v>92</v>
      </c>
      <c r="T32">
        <v>34</v>
      </c>
    </row>
    <row r="33" spans="1:20" x14ac:dyDescent="0.25">
      <c r="A33" t="s">
        <v>48</v>
      </c>
      <c r="B33">
        <v>62</v>
      </c>
      <c r="C33">
        <v>15</v>
      </c>
      <c r="D33">
        <v>43</v>
      </c>
      <c r="E33">
        <v>91</v>
      </c>
      <c r="F33">
        <v>122</v>
      </c>
      <c r="G33">
        <v>78</v>
      </c>
      <c r="H33">
        <v>42</v>
      </c>
      <c r="I33">
        <v>37</v>
      </c>
      <c r="J33">
        <v>372</v>
      </c>
      <c r="K33">
        <v>448</v>
      </c>
      <c r="L33">
        <v>281</v>
      </c>
      <c r="M33">
        <v>256</v>
      </c>
      <c r="N33">
        <v>33</v>
      </c>
      <c r="O33">
        <v>26</v>
      </c>
      <c r="P33">
        <v>43</v>
      </c>
      <c r="Q33">
        <v>106</v>
      </c>
      <c r="R33">
        <v>162</v>
      </c>
      <c r="S33">
        <v>84</v>
      </c>
      <c r="T33">
        <v>30</v>
      </c>
    </row>
    <row r="34" spans="1:20" x14ac:dyDescent="0.25">
      <c r="A34" t="s">
        <v>49</v>
      </c>
      <c r="B34">
        <v>263</v>
      </c>
      <c r="C34">
        <v>107</v>
      </c>
      <c r="D34">
        <v>251</v>
      </c>
      <c r="E34">
        <v>493</v>
      </c>
      <c r="F34">
        <v>601</v>
      </c>
      <c r="G34">
        <v>413</v>
      </c>
      <c r="H34">
        <v>221</v>
      </c>
      <c r="I34">
        <v>186</v>
      </c>
      <c r="J34">
        <v>1765</v>
      </c>
      <c r="K34">
        <v>2418</v>
      </c>
      <c r="L34">
        <v>1420</v>
      </c>
      <c r="M34">
        <v>1084</v>
      </c>
      <c r="N34">
        <v>169</v>
      </c>
      <c r="O34">
        <v>133</v>
      </c>
      <c r="P34">
        <v>275</v>
      </c>
      <c r="Q34">
        <v>566</v>
      </c>
      <c r="R34">
        <v>759</v>
      </c>
      <c r="S34">
        <v>442</v>
      </c>
      <c r="T34">
        <v>140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topLeftCell="A115" workbookViewId="0">
      <selection activeCell="K142" sqref="K142"/>
    </sheetView>
  </sheetViews>
  <sheetFormatPr defaultRowHeight="15" x14ac:dyDescent="0.25"/>
  <sheetData/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1AA9E576-C58E-41F4-A5CA-CBD275A17954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ummary</vt:lpstr>
      <vt:lpstr>Graph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keywords/>
  <cp:lastModifiedBy>s207409</cp:lastModifiedBy>
  <dcterms:created xsi:type="dcterms:W3CDTF">2020-12-02T18:01:13Z</dcterms:created>
  <dcterms:modified xsi:type="dcterms:W3CDTF">2020-12-08T15:30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df7dbb9b-cc9b-4a99-a30a-1d5e5e12cb2c</vt:lpwstr>
  </property>
  <property fmtid="{D5CDD505-2E9C-101B-9397-08002B2CF9AE}" pid="3" name="bjSaver">
    <vt:lpwstr>N1DSBWDQZIeY/VRw0Xy3fwx0B1BRPR0Y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